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6\Lei de Responsabilidade Fiscal\Arquivos para publicação\1º Bim 2016 - Republic\"/>
    </mc:Choice>
  </mc:AlternateContent>
  <bookViews>
    <workbookView xWindow="-120" yWindow="-240" windowWidth="20610" windowHeight="7695" tabRatio="893"/>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2:$L$137</definedName>
    <definedName name="_xlnm.Print_Area" localSheetId="11">'Anexo 12 - Saúde (Estados)'!$A$2:$H$135</definedName>
    <definedName name="_xlnm.Print_Area" localSheetId="12">'Anexo 13 - Despesas PPP'!$A$1:$L$56</definedName>
    <definedName name="_xlnm.Print_Area" localSheetId="13">'Anexo 14 - Simplificado'!$A$1:$E$111</definedName>
    <definedName name="_xlnm.Print_Area" localSheetId="2">'Anexo 2 - Função'!$A$3:$L$205</definedName>
    <definedName name="_xlnm.Print_Area" localSheetId="4">'Anexo 3 - RCL Estados'!$A$1:$H$84</definedName>
    <definedName name="_xlnm.Print_Area" localSheetId="6">'Anexo 4 - RPPS Previdenciário47'!$A$1:$I$134</definedName>
    <definedName name="_xlnm.Print_Area" localSheetId="7">'Anexo 5 - Resultado Nominal'!$A$1:$G$59</definedName>
    <definedName name="_xlnm.Print_Area" localSheetId="8">'Anexo 6 - Primário Estados'!$A$1:$H$87</definedName>
    <definedName name="_xlnm.Print_Area" localSheetId="9">'Anexo 7 - RP Poder e Órgão'!$A$1:$G$110</definedName>
    <definedName name="_xlnm.Print_Area" localSheetId="10">'Anexo 8 - MDE - Estados'!$A$1:$H$195</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52</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8</definedName>
    <definedName name="Z_15F968AB_9DD6_4E60_9FDC_FEF44C5FFDCB_.wvu.PrintArea" localSheetId="12" hidden="1">'Anexo 13 - Despesas PPP'!$A$1:$L$48</definedName>
    <definedName name="Z_15F968AB_9DD6_4E60_9FDC_FEF44C5FFDCB_.wvu.PrintArea" localSheetId="13" hidden="1">'Anexo 14 - Simplificado'!$A$1:$E$97</definedName>
    <definedName name="Z_15F968AB_9DD6_4E60_9FDC_FEF44C5FFDCB_.wvu.PrintArea" localSheetId="2" hidden="1">'Anexo 2 - Função'!$A$1:$L$194</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97</definedName>
    <definedName name="Z_25EF1E0D_169B_4051_B414_7E1196FC05E4_.wvu.PrintArea" localSheetId="0" hidden="1">'Anexo 1 - Balanço Orçamentário'!$A$1:$L$132</definedName>
    <definedName name="Z_25EF1E0D_169B_4051_B414_7E1196FC05E4_.wvu.PrintArea" localSheetId="1" hidden="1">'Anexo 1.1 Balanço Orç Intra '!$A$1:$L$104</definedName>
    <definedName name="Z_25EF1E0D_169B_4051_B414_7E1196FC05E4_.wvu.PrintArea" localSheetId="11" hidden="1">'Anexo 12 - Saúde (Estados)'!$A$1:$H$137</definedName>
    <definedName name="Z_25EF1E0D_169B_4051_B414_7E1196FC05E4_.wvu.PrintArea" localSheetId="12" hidden="1">'Anexo 13 - Despesas PPP'!$A$1:$L$58</definedName>
    <definedName name="Z_25EF1E0D_169B_4051_B414_7E1196FC05E4_.wvu.PrintArea" localSheetId="13" hidden="1">'Anexo 14 - Simplificado'!$A$1:$E$111</definedName>
    <definedName name="Z_25EF1E0D_169B_4051_B414_7E1196FC05E4_.wvu.PrintArea" localSheetId="2" hidden="1">'Anexo 2 - Função'!$A$1:$L$204</definedName>
    <definedName name="Z_25EF1E0D_169B_4051_B414_7E1196FC05E4_.wvu.PrintArea" localSheetId="3" hidden="1">'Anexo 2.1 - Função - Intra'!$A$1:$L$113</definedName>
    <definedName name="Z_25EF1E0D_169B_4051_B414_7E1196FC05E4_.wvu.PrintArea" localSheetId="4" hidden="1">'Anexo 3 - RCL Estados'!$A$1:$H$84</definedName>
    <definedName name="Z_25EF1E0D_169B_4051_B414_7E1196FC05E4_.wvu.PrintArea" localSheetId="5" hidden="1">'Anexo 4 - RPPS Financeiro FR 40'!$A$1:$I$135</definedName>
    <definedName name="Z_25EF1E0D_169B_4051_B414_7E1196FC05E4_.wvu.PrintArea" localSheetId="6" hidden="1">'Anexo 4 - RPPS Previdenciário47'!$A$1:$I$135</definedName>
    <definedName name="Z_25EF1E0D_169B_4051_B414_7E1196FC05E4_.wvu.PrintArea" localSheetId="7" hidden="1">'Anexo 5 - Resultado Nominal'!$A$1:$G$59</definedName>
    <definedName name="Z_25EF1E0D_169B_4051_B414_7E1196FC05E4_.wvu.PrintArea" localSheetId="8" hidden="1">'Anexo 6 - Primário Estados'!$A$1:$H$87</definedName>
    <definedName name="Z_25EF1E0D_169B_4051_B414_7E1196FC05E4_.wvu.PrintArea" localSheetId="9" hidden="1">'Anexo 7 - RP Poder e Órgão'!$A$1:$G$109</definedName>
    <definedName name="Z_25EF1E0D_169B_4051_B414_7E1196FC05E4_.wvu.PrintArea" localSheetId="10" hidden="1">'Anexo 8 - MDE - Estados'!$A$1:$H$196</definedName>
    <definedName name="Z_3AAF6A5F_F9AA_430B_9AD9_1261ECDF41B5_.wvu.PrintArea" localSheetId="0" hidden="1">'Anexo 1 - Balanço Orçamentário'!$A$1:$L$132</definedName>
    <definedName name="Z_3AAF6A5F_F9AA_430B_9AD9_1261ECDF41B5_.wvu.PrintArea" localSheetId="1" hidden="1">'Anexo 1.1 Balanço Orç Intra '!$A$1:$L$104</definedName>
    <definedName name="Z_3AAF6A5F_F9AA_430B_9AD9_1261ECDF41B5_.wvu.PrintArea" localSheetId="11" hidden="1">'Anexo 12 - Saúde (Estados)'!$A$1:$H$137</definedName>
    <definedName name="Z_3AAF6A5F_F9AA_430B_9AD9_1261ECDF41B5_.wvu.PrintArea" localSheetId="12" hidden="1">'Anexo 13 - Despesas PPP'!$A$1:$L$58</definedName>
    <definedName name="Z_3AAF6A5F_F9AA_430B_9AD9_1261ECDF41B5_.wvu.PrintArea" localSheetId="13" hidden="1">'Anexo 14 - Simplificado'!$A$1:$E$111</definedName>
    <definedName name="Z_3AAF6A5F_F9AA_430B_9AD9_1261ECDF41B5_.wvu.PrintArea" localSheetId="2" hidden="1">'Anexo 2 - Função'!$A$1:$L$204</definedName>
    <definedName name="Z_3AAF6A5F_F9AA_430B_9AD9_1261ECDF41B5_.wvu.PrintArea" localSheetId="3" hidden="1">'Anexo 2.1 - Função - Intra'!$A$1:$L$113</definedName>
    <definedName name="Z_3AAF6A5F_F9AA_430B_9AD9_1261ECDF41B5_.wvu.PrintArea" localSheetId="4" hidden="1">'Anexo 3 - RCL Estados'!$A$1:$H$84</definedName>
    <definedName name="Z_3AAF6A5F_F9AA_430B_9AD9_1261ECDF41B5_.wvu.PrintArea" localSheetId="5" hidden="1">'Anexo 4 - RPPS Financeiro FR 40'!$A$1:$I$135</definedName>
    <definedName name="Z_3AAF6A5F_F9AA_430B_9AD9_1261ECDF41B5_.wvu.PrintArea" localSheetId="6" hidden="1">'Anexo 4 - RPPS Previdenciário47'!$A$1:$I$135</definedName>
    <definedName name="Z_3AAF6A5F_F9AA_430B_9AD9_1261ECDF41B5_.wvu.PrintArea" localSheetId="7" hidden="1">'Anexo 5 - Resultado Nominal'!$A$1:$G$59</definedName>
    <definedName name="Z_3AAF6A5F_F9AA_430B_9AD9_1261ECDF41B5_.wvu.PrintArea" localSheetId="8" hidden="1">'Anexo 6 - Primário Estados'!$A$1:$H$87</definedName>
    <definedName name="Z_3AAF6A5F_F9AA_430B_9AD9_1261ECDF41B5_.wvu.PrintArea" localSheetId="9" hidden="1">'Anexo 7 - RP Poder e Órgão'!$A$1:$G$109</definedName>
    <definedName name="Z_3AAF6A5F_F9AA_430B_9AD9_1261ECDF41B5_.wvu.PrintArea" localSheetId="10" hidden="1">'Anexo 8 - MDE - Estados'!$A$1:$H$196</definedName>
    <definedName name="Z_6DBFA32C_4AA4_4E1D_9A48_697377C64CC3_.wvu.PrintArea" localSheetId="0" hidden="1">'Anexo 1 - Balanço Orçamentário'!$A$1:$L$132</definedName>
    <definedName name="Z_6DBFA32C_4AA4_4E1D_9A48_697377C64CC3_.wvu.PrintArea" localSheetId="1" hidden="1">'Anexo 1.1 Balanço Orç Intra '!$A$1:$L$104</definedName>
    <definedName name="Z_6DBFA32C_4AA4_4E1D_9A48_697377C64CC3_.wvu.PrintArea" localSheetId="11" hidden="1">'Anexo 12 - Saúde (Estados)'!$A$1:$H$137</definedName>
    <definedName name="Z_6DBFA32C_4AA4_4E1D_9A48_697377C64CC3_.wvu.PrintArea" localSheetId="12" hidden="1">'Anexo 13 - Despesas PPP'!$A$1:$L$58</definedName>
    <definedName name="Z_6DBFA32C_4AA4_4E1D_9A48_697377C64CC3_.wvu.PrintArea" localSheetId="13" hidden="1">'Anexo 14 - Simplificado'!$A$1:$E$111</definedName>
    <definedName name="Z_6DBFA32C_4AA4_4E1D_9A48_697377C64CC3_.wvu.PrintArea" localSheetId="2" hidden="1">'Anexo 2 - Função'!$A$1:$L$204</definedName>
    <definedName name="Z_6DBFA32C_4AA4_4E1D_9A48_697377C64CC3_.wvu.PrintArea" localSheetId="3" hidden="1">'Anexo 2.1 - Função - Intra'!$A$1:$L$113</definedName>
    <definedName name="Z_6DBFA32C_4AA4_4E1D_9A48_697377C64CC3_.wvu.PrintArea" localSheetId="4" hidden="1">'Anexo 3 - RCL Estados'!$A$1:$H$84</definedName>
    <definedName name="Z_6DBFA32C_4AA4_4E1D_9A48_697377C64CC3_.wvu.PrintArea" localSheetId="5" hidden="1">'Anexo 4 - RPPS Financeiro FR 40'!$A$1:$I$135</definedName>
    <definedName name="Z_6DBFA32C_4AA4_4E1D_9A48_697377C64CC3_.wvu.PrintArea" localSheetId="6" hidden="1">'Anexo 4 - RPPS Previdenciário47'!$A$1:$I$135</definedName>
    <definedName name="Z_6DBFA32C_4AA4_4E1D_9A48_697377C64CC3_.wvu.PrintArea" localSheetId="7" hidden="1">'Anexo 5 - Resultado Nominal'!$A$1:$G$59</definedName>
    <definedName name="Z_6DBFA32C_4AA4_4E1D_9A48_697377C64CC3_.wvu.PrintArea" localSheetId="8" hidden="1">'Anexo 6 - Primário Estados'!$A$1:$H$87</definedName>
    <definedName name="Z_6DBFA32C_4AA4_4E1D_9A48_697377C64CC3_.wvu.PrintArea" localSheetId="9" hidden="1">'Anexo 7 - RP Poder e Órgão'!$A$1:$G$109</definedName>
    <definedName name="Z_6DBFA32C_4AA4_4E1D_9A48_697377C64CC3_.wvu.PrintArea" localSheetId="10" hidden="1">'Anexo 8 - MDE - Estados'!$A$1:$H$196</definedName>
    <definedName name="Z_82EDB5A4_4824_4632_A540_7A52C92F04C7_.wvu.PrintArea" localSheetId="0" hidden="1">'Anexo 1 - Balanço Orçamentário'!$A$2:$L$137</definedName>
    <definedName name="Z_82EDB5A4_4824_4632_A540_7A52C92F04C7_.wvu.PrintArea" localSheetId="11" hidden="1">'Anexo 12 - Saúde (Estados)'!$A$2:$H$135</definedName>
    <definedName name="Z_82EDB5A4_4824_4632_A540_7A52C92F04C7_.wvu.PrintArea" localSheetId="12" hidden="1">'Anexo 13 - Despesas PPP'!$A$1:$L$56</definedName>
    <definedName name="Z_82EDB5A4_4824_4632_A540_7A52C92F04C7_.wvu.PrintArea" localSheetId="13" hidden="1">'Anexo 14 - Simplificado'!$A$1:$E$111</definedName>
    <definedName name="Z_82EDB5A4_4824_4632_A540_7A52C92F04C7_.wvu.PrintArea" localSheetId="2" hidden="1">'Anexo 2 - Função'!$A$3:$L$205</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59</definedName>
    <definedName name="Z_82EDB5A4_4824_4632_A540_7A52C92F04C7_.wvu.PrintArea" localSheetId="8" hidden="1">'Anexo 6 - Primário Estados'!$A$1:$H$87</definedName>
    <definedName name="Z_82EDB5A4_4824_4632_A540_7A52C92F04C7_.wvu.PrintArea" localSheetId="9" hidden="1">'Anexo 7 - RP Poder e Órgão'!$A$1:$G$110</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B467DF90_BD78_4523_834B_7425556A2F17_.wvu.PrintArea" localSheetId="0" hidden="1">'Anexo 1 - Balanço Orçamentário'!$A$1:$L$132</definedName>
    <definedName name="Z_B467DF90_BD78_4523_834B_7425556A2F17_.wvu.PrintArea" localSheetId="1" hidden="1">'Anexo 1.1 Balanço Orç Intra '!$A$1:$L$104</definedName>
    <definedName name="Z_B467DF90_BD78_4523_834B_7425556A2F17_.wvu.PrintArea" localSheetId="11" hidden="1">'Anexo 12 - Saúde (Estados)'!$A$1:$H$137</definedName>
    <definedName name="Z_B467DF90_BD78_4523_834B_7425556A2F17_.wvu.PrintArea" localSheetId="12" hidden="1">'Anexo 13 - Despesas PPP'!$A$1:$L$58</definedName>
    <definedName name="Z_B467DF90_BD78_4523_834B_7425556A2F17_.wvu.PrintArea" localSheetId="13" hidden="1">'Anexo 14 - Simplificado'!$A$1:$E$111</definedName>
    <definedName name="Z_B467DF90_BD78_4523_834B_7425556A2F17_.wvu.PrintArea" localSheetId="2" hidden="1">'Anexo 2 - Função'!$A$1:$L$204</definedName>
    <definedName name="Z_B467DF90_BD78_4523_834B_7425556A2F17_.wvu.PrintArea" localSheetId="3" hidden="1">'Anexo 2.1 - Função - Intra'!$A$1:$L$113</definedName>
    <definedName name="Z_B467DF90_BD78_4523_834B_7425556A2F17_.wvu.PrintArea" localSheetId="4" hidden="1">'Anexo 3 - RCL Estados'!$A$1:$H$84</definedName>
    <definedName name="Z_B467DF90_BD78_4523_834B_7425556A2F17_.wvu.PrintArea" localSheetId="5" hidden="1">'Anexo 4 - RPPS Financeiro FR 40'!$A$1:$I$135</definedName>
    <definedName name="Z_B467DF90_BD78_4523_834B_7425556A2F17_.wvu.PrintArea" localSheetId="6" hidden="1">'Anexo 4 - RPPS Previdenciário47'!$A$1:$I$135</definedName>
    <definedName name="Z_B467DF90_BD78_4523_834B_7425556A2F17_.wvu.PrintArea" localSheetId="7" hidden="1">'Anexo 5 - Resultado Nominal'!$A$1:$G$59</definedName>
    <definedName name="Z_B467DF90_BD78_4523_834B_7425556A2F17_.wvu.PrintArea" localSheetId="8" hidden="1">'Anexo 6 - Primário Estados'!$A$1:$H$87</definedName>
    <definedName name="Z_B467DF90_BD78_4523_834B_7425556A2F17_.wvu.PrintArea" localSheetId="9" hidden="1">'Anexo 7 - RP Poder e Órgão'!$A$1:$G$109</definedName>
    <definedName name="Z_B467DF90_BD78_4523_834B_7425556A2F17_.wvu.PrintArea" localSheetId="10" hidden="1">'Anexo 8 - MDE - Estados'!$A$1:$H$19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7</definedName>
    <definedName name="Z_C779D862_DE28_46CD_A428_4AAA1056D1E1_.wvu.PrintArea" localSheetId="12" hidden="1">'Anexo 13 - Despesas PPP'!$A$1:$L$58</definedName>
    <definedName name="Z_C779D862_DE28_46CD_A428_4AAA1056D1E1_.wvu.PrintArea" localSheetId="13" hidden="1">'Anexo 14 - Simplificado'!$A$1:$E$111</definedName>
    <definedName name="Z_C779D862_DE28_46CD_A428_4AAA1056D1E1_.wvu.PrintArea" localSheetId="2" hidden="1">'Anexo 2 - Função'!$A$1:$L$204</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59</definedName>
    <definedName name="Z_C779D862_DE28_46CD_A428_4AAA1056D1E1_.wvu.PrintArea" localSheetId="8" hidden="1">'Anexo 6 - Primário Estados'!$A$1:$H$87</definedName>
    <definedName name="Z_C779D862_DE28_46CD_A428_4AAA1056D1E1_.wvu.PrintArea" localSheetId="9" hidden="1">'Anexo 7 - RP Poder e Órgão'!$A$1:$G$109</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7</definedName>
    <definedName name="Z_D5976633_8ECB_4B00_B200_C7467CF5B10F_.wvu.PrintArea" localSheetId="2" hidden="1">'Anexo 2 - Função'!$A$1:$L$182</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53</definedName>
  </definedNames>
  <calcPr calcId="152511"/>
  <customWorkbookViews>
    <customWorkbookView name="CLÁUDIO JOSÉ DAINESE - Modo de exibição pessoal" guid="{C779D862-DE28-46CD-A428-4AAA1056D1E1}" mergeInterval="0" personalView="1" maximized="1" xWindow="-8" yWindow="-8" windowWidth="1382" windowHeight="744" tabRatio="854" activeSheetId="12" showComments="commIndAndComment"/>
    <customWorkbookView name="Maria Elza Garcete Goncalves - Modo de exibição pessoal" guid="{B467DF90-BD78-4523-834B-7425556A2F17}" mergeInterval="0" personalView="1" maximized="1" xWindow="-8" yWindow="-8" windowWidth="1382" windowHeight="744" tabRatio="854" activeSheetId="14"/>
    <customWorkbookView name="rooliveira - Modo de exibição pessoal" guid="{3AAF6A5F-F9AA-430B-9AD9-1261ECDF41B5}" mergeInterval="0" personalView="1" maximized="1" xWindow="-8" yWindow="-8" windowWidth="1382" windowHeight="744" tabRatio="854" activeSheetId="12"/>
    <customWorkbookView name="JOSE CARLOS BERNARDI - Modo de exibição pessoal" guid="{25EF1E0D-169B-4051-B414-7E1196FC05E4}" mergeInterval="0" personalView="1" maximized="1" xWindow="-8" yWindow="-8" windowWidth="1382" windowHeight="744" tabRatio="854" activeSheetId="11"/>
    <customWorkbookView name="sandrade - Modo de exibição pessoal" guid="{6DBFA32C-4AA4-4E1D-9A48-697377C64CC3}" mergeInterval="0" personalView="1" maximized="1" xWindow="1" yWindow="1" windowWidth="1362" windowHeight="538" tabRatio="914" activeSheetId="10"/>
    <customWorkbookView name="natalino gonçalves de almeida - Modo de exibição pessoal" guid="{D5976633-8ECB-4B00-B200-C7467CF5B10F}" mergeInterval="0" personalView="1" maximized="1" windowWidth="1362" windowHeight="543" tabRatio="951" activeSheetId="11"/>
    <customWorkbookView name="cdainese - Modo de exibição pessoal" guid="{15F968AB-9DD6-4E60-9FDC-FEF44C5FFDCB}" mergeInterval="0" personalView="1" maximized="1" xWindow="1" yWindow="1" windowWidth="1362" windowHeight="538" tabRatio="951" activeSheetId="9"/>
    <customWorkbookView name="vyasunaka - Modo de exibição pessoal" guid="{82EDB5A4-4824-4632-A540-7A52C92F04C7}" mergeInterval="0" personalView="1" maximized="1" xWindow="-4" yWindow="-4" windowWidth="1374" windowHeight="732" tabRatio="893" activeSheetId="11"/>
  </customWorkbookViews>
  <fileRecoveryPr autoRecover="0"/>
</workbook>
</file>

<file path=xl/sharedStrings.xml><?xml version="1.0" encoding="utf-8"?>
<sst xmlns="http://schemas.openxmlformats.org/spreadsheetml/2006/main" count="1738" uniqueCount="898">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PLANO PREVIDENCIÁRIO - ORÇAMENTO DA SEGURIDADE SOCIAL</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CANCELADOS PRESCRITOS</t>
  </si>
  <si>
    <t>Inscritos em Exercícios Anteriores</t>
  </si>
  <si>
    <t>Restos a Pagar Cancelados ou Prescritos em Exercícios Anteriores</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CEITA RESULTANTE DE IMPOSTOS</t>
  </si>
  <si>
    <t>(caput do art. 212 da Constituição)</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MAI/2015</t>
  </si>
  <si>
    <t>JUN/2015</t>
  </si>
  <si>
    <t>JUL/2015</t>
  </si>
  <si>
    <t>AGO/2015</t>
  </si>
  <si>
    <t>SET/2015</t>
  </si>
  <si>
    <t>OUT/2015</t>
  </si>
  <si>
    <t xml:space="preserve">       Transferências Constitucionais e Legais</t>
  </si>
  <si>
    <t xml:space="preserve">       Demais Despesas Correntes</t>
  </si>
  <si>
    <t>JANEIRO A FEVEREIRO DE 2016 - BIMESTRE JANEIRO-FEVEREIRO</t>
  </si>
  <si>
    <t>MARÇO 2015 A FEVEREIRO 2016</t>
  </si>
  <si>
    <t>NOV/2015</t>
  </si>
  <si>
    <t>DEZ/2015</t>
  </si>
  <si>
    <t>JAN/2016</t>
  </si>
  <si>
    <t>FEV/2016</t>
  </si>
  <si>
    <t>2016</t>
  </si>
  <si>
    <t xml:space="preserve">   Saneamento Básico Rural</t>
  </si>
  <si>
    <t xml:space="preserve">   DesenvolvimentoTecnológico e Engenharia</t>
  </si>
  <si>
    <t xml:space="preserve">   Assistência à Criança e ao Adolescente</t>
  </si>
  <si>
    <t xml:space="preserve">   Promoção da Produção Vegetal</t>
  </si>
  <si>
    <t xml:space="preserve">   Promoção da Produção Animal</t>
  </si>
  <si>
    <t xml:space="preserve">   Defesa Sanitária Animal</t>
  </si>
  <si>
    <t xml:space="preserve">   Transferências</t>
  </si>
  <si>
    <t xml:space="preserve">   Conservação deEnergia</t>
  </si>
  <si>
    <t>Em 31/Dez/2015</t>
  </si>
  <si>
    <t>Em 29/Fev/2016</t>
  </si>
  <si>
    <t xml:space="preserve"> Em 2016</t>
  </si>
  <si>
    <t>Em 2015</t>
  </si>
  <si>
    <t>Inscritos em 2015</t>
  </si>
  <si>
    <t>REGISTROS EFETUADOS EM 2016</t>
  </si>
  <si>
    <t>52- SALDO FINANCEIRO EM 31 DE DEZEMBRO DE 2015</t>
  </si>
  <si>
    <t xml:space="preserve">   Compensações Financeiras provenientes de Impostos e Transferências Constitucionais</t>
  </si>
  <si>
    <t>CANCELADO EM 2016 (j)</t>
  </si>
  <si>
    <t>Saldo Final</t>
  </si>
  <si>
    <t xml:space="preserve"> (Não Aplicado)</t>
  </si>
  <si>
    <t>Resultado</t>
  </si>
  <si>
    <t xml:space="preserve"> Apurado</t>
  </si>
  <si>
    <t>Restos a Pagar Cancelados ou Prescritos em 2015</t>
  </si>
  <si>
    <t>Inscritos em 2014</t>
  </si>
  <si>
    <t xml:space="preserve">    Reabertura de Créditos Adicionais</t>
  </si>
  <si>
    <t xml:space="preserve">    Administração Indireta</t>
  </si>
  <si>
    <t xml:space="preserve">    Administração Direta</t>
  </si>
  <si>
    <t xml:space="preserve">   Administração Direta</t>
  </si>
  <si>
    <t xml:space="preserve">   Administração Indireta</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7" formatCode="&quot;R$&quot;\ #,##0.00;\-&quot;R$&quot;\ #,##0.00"/>
    <numFmt numFmtId="43" formatCode="_-* #,##0.00_-;\-* #,##0.00_-;_-* &quot;-&quot;??_-;_-@_-"/>
    <numFmt numFmtId="164" formatCode="&quot;R$ &quot;#,##0.00_);[Red]\(&quot;R$ &quot;#,##0.00\)"/>
    <numFmt numFmtId="165" formatCode="_(* #,##0.00_);_(* \(#,##0.00\);_(* &quot;-&quot;??_);_(@_)"/>
    <numFmt numFmtId="166" formatCode="#,##0.0_);\(#,##0.0\)"/>
    <numFmt numFmtId="167" formatCode="&quot;R$&quot;\ #,##0.00"/>
    <numFmt numFmtId="169" formatCode="&quot;R$&quot;\ #,##0.00;[Red]&quot;R$&quot;\ #,##0.00"/>
  </numFmts>
  <fonts count="27"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amily val="2"/>
    </font>
    <font>
      <b/>
      <sz val="8"/>
      <name val="Verdana"/>
      <family val="2"/>
    </font>
    <font>
      <b/>
      <sz val="8"/>
      <name val="Verdana"/>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038">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3" xfId="0"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13"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4" fillId="0" borderId="0" xfId="5" applyFont="1" applyFill="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xf>
    <xf numFmtId="43" fontId="5" fillId="2" borderId="15" xfId="1" applyNumberFormat="1" applyFont="1" applyFill="1" applyBorder="1" applyAlignment="1">
      <alignment vertical="center"/>
    </xf>
    <xf numFmtId="43" fontId="4" fillId="0" borderId="2" xfId="1" applyNumberFormat="1" applyFont="1" applyFill="1" applyBorder="1" applyAlignment="1">
      <alignment horizontal="center"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0" borderId="0" xfId="1" applyNumberFormat="1" applyFont="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0" fontId="19" fillId="0" borderId="3" xfId="0" applyFont="1" applyFill="1" applyBorder="1" applyAlignment="1">
      <alignment horizontal="left" vertical="center"/>
    </xf>
    <xf numFmtId="0" fontId="19" fillId="0" borderId="0" xfId="0" applyFont="1" applyFill="1" applyAlignment="1">
      <alignment vertical="center"/>
    </xf>
    <xf numFmtId="165" fontId="0" fillId="0" borderId="0" xfId="0" applyNumberFormat="1" applyAlignment="1">
      <alignment horizontal="center" wrapText="1"/>
    </xf>
    <xf numFmtId="43" fontId="19"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43" fontId="5" fillId="0" borderId="5" xfId="1" applyNumberFormat="1" applyFont="1" applyFill="1" applyBorder="1" applyAlignment="1">
      <alignment horizontal="center" vertical="center" wrapText="1"/>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165" fontId="4" fillId="0" borderId="14" xfId="0" applyNumberFormat="1" applyFont="1" applyFill="1" applyBorder="1" applyAlignment="1">
      <alignment vertical="center"/>
    </xf>
    <xf numFmtId="165" fontId="4" fillId="0" borderId="12" xfId="0" applyNumberFormat="1" applyFont="1" applyFill="1" applyBorder="1" applyAlignment="1">
      <alignment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0" xfId="0" applyFont="1" applyFill="1" applyBorder="1" applyAlignment="1">
      <alignmen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0" fontId="4" fillId="0" borderId="0" xfId="1" applyNumberFormat="1" applyFont="1" applyFill="1" applyBorder="1" applyAlignment="1">
      <alignment horizontal="center" vertical="center" wrapText="1"/>
    </xf>
    <xf numFmtId="0" fontId="4" fillId="0" borderId="3" xfId="0" applyFont="1" applyFill="1" applyBorder="1" applyAlignment="1">
      <alignment horizontal="lef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4" fillId="0" borderId="0" xfId="1" applyNumberFormat="1" applyFont="1" applyFill="1" applyAlignment="1">
      <alignment horizontal="right" vertical="center"/>
    </xf>
    <xf numFmtId="43" fontId="4" fillId="0" borderId="0" xfId="0" applyNumberFormat="1" applyFont="1" applyFill="1" applyAlignment="1">
      <alignment horizontal="center"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0" fontId="5" fillId="0" borderId="12" xfId="1" applyFont="1" applyBorder="1" applyAlignment="1">
      <alignment horizontal="left" vertical="center" wrapText="1"/>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165" fontId="4" fillId="0" borderId="2" xfId="0" applyNumberFormat="1" applyFont="1" applyFill="1" applyBorder="1" applyAlignment="1">
      <alignment horizontal="right" vertical="center"/>
    </xf>
    <xf numFmtId="43" fontId="4" fillId="0" borderId="0" xfId="5" applyFont="1" applyFill="1" applyBorder="1" applyAlignment="1">
      <alignment horizontal="center" vertical="center"/>
    </xf>
    <xf numFmtId="0" fontId="4" fillId="0" borderId="0" xfId="0" applyFont="1" applyFill="1" applyBorder="1" applyAlignment="1">
      <alignment horizontal="center" vertical="center"/>
    </xf>
    <xf numFmtId="43" fontId="4" fillId="0" borderId="0"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3" fontId="4" fillId="0" borderId="0" xfId="0" applyNumberFormat="1" applyFont="1" applyFill="1" applyAlignment="1">
      <alignmen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165" fontId="4" fillId="0" borderId="13" xfId="0" applyNumberFormat="1" applyFont="1" applyFill="1" applyBorder="1" applyAlignment="1">
      <alignment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5" fillId="2" borderId="10" xfId="0" applyNumberFormat="1" applyFont="1" applyFill="1" applyBorder="1" applyAlignment="1">
      <alignment horizontal="right" vertical="center" wrapText="1"/>
    </xf>
    <xf numFmtId="165" fontId="5" fillId="2" borderId="10"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5" fillId="0" borderId="11" xfId="5" applyNumberFormat="1" applyFont="1" applyFill="1" applyBorder="1" applyAlignment="1">
      <alignment horizontal="right" vertical="center"/>
    </xf>
    <xf numFmtId="165" fontId="5" fillId="2" borderId="9" xfId="5" applyNumberFormat="1" applyFont="1" applyFill="1" applyBorder="1" applyAlignment="1">
      <alignment horizontal="right" vertical="center" wrapText="1"/>
    </xf>
    <xf numFmtId="165" fontId="5" fillId="2" borderId="10"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5" fillId="0" borderId="2" xfId="5" applyNumberFormat="1" applyFont="1" applyFill="1" applyBorder="1" applyAlignment="1">
      <alignment horizontal="center" vertical="center"/>
    </xf>
    <xf numFmtId="165" fontId="4" fillId="0" borderId="2" xfId="5" applyNumberFormat="1" applyFont="1" applyFill="1" applyBorder="1" applyAlignment="1">
      <alignment horizontal="center" vertical="center"/>
    </xf>
    <xf numFmtId="165" fontId="24" fillId="0" borderId="2" xfId="5" applyNumberFormat="1" applyFont="1" applyFill="1" applyBorder="1" applyAlignment="1">
      <alignment vertical="center"/>
    </xf>
    <xf numFmtId="165" fontId="5" fillId="0" borderId="1" xfId="5" applyNumberFormat="1" applyFont="1" applyFill="1" applyBorder="1" applyAlignment="1">
      <alignment vertical="center"/>
    </xf>
    <xf numFmtId="165" fontId="5" fillId="0" borderId="5" xfId="5" applyNumberFormat="1" applyFont="1" applyFill="1" applyBorder="1" applyAlignment="1">
      <alignment vertical="center"/>
    </xf>
    <xf numFmtId="165" fontId="5" fillId="2" borderId="1" xfId="5" applyNumberFormat="1" applyFont="1" applyFill="1" applyBorder="1" applyAlignment="1">
      <alignment vertical="center"/>
    </xf>
    <xf numFmtId="165" fontId="5" fillId="2" borderId="1" xfId="5" applyNumberFormat="1" applyFont="1" applyFill="1" applyBorder="1" applyAlignment="1">
      <alignment horizontal="center" vertical="center"/>
    </xf>
    <xf numFmtId="165" fontId="4" fillId="0" borderId="2" xfId="0" applyNumberFormat="1" applyFont="1" applyFill="1" applyBorder="1" applyAlignment="1">
      <alignment horizontal="center" vertical="center"/>
    </xf>
    <xf numFmtId="165" fontId="4" fillId="0" borderId="2" xfId="0" applyNumberFormat="1" applyFont="1" applyFill="1" applyBorder="1" applyAlignment="1">
      <alignment vertical="center"/>
    </xf>
    <xf numFmtId="165" fontId="20" fillId="0" borderId="2" xfId="5" applyNumberFormat="1" applyFont="1" applyFill="1" applyBorder="1" applyAlignment="1">
      <alignment vertical="center"/>
    </xf>
    <xf numFmtId="165" fontId="19" fillId="0" borderId="2" xfId="5" applyNumberFormat="1" applyFont="1" applyFill="1" applyBorder="1" applyAlignment="1">
      <alignment vertical="center"/>
    </xf>
    <xf numFmtId="165" fontId="5" fillId="2" borderId="15" xfId="0" applyNumberFormat="1" applyFont="1" applyFill="1" applyBorder="1" applyAlignment="1">
      <alignment horizontal="center" vertical="center"/>
    </xf>
    <xf numFmtId="165" fontId="5" fillId="2" borderId="15" xfId="0" applyNumberFormat="1" applyFont="1" applyFill="1" applyBorder="1" applyAlignment="1">
      <alignment vertical="center"/>
    </xf>
    <xf numFmtId="165" fontId="5" fillId="0" borderId="2" xfId="3" applyNumberFormat="1" applyFont="1" applyFill="1" applyBorder="1" applyAlignment="1">
      <alignment horizontal="center" vertical="center" wrapText="1"/>
    </xf>
    <xf numFmtId="165" fontId="5" fillId="0" borderId="2" xfId="0" applyNumberFormat="1" applyFont="1" applyFill="1" applyBorder="1" applyAlignment="1">
      <alignment vertical="center"/>
    </xf>
    <xf numFmtId="165" fontId="5" fillId="0" borderId="8" xfId="0" applyNumberFormat="1" applyFont="1" applyFill="1" applyBorder="1" applyAlignment="1">
      <alignment horizontal="center" vertical="center"/>
    </xf>
    <xf numFmtId="165" fontId="4" fillId="0" borderId="2" xfId="3" applyNumberFormat="1" applyFont="1" applyFill="1" applyBorder="1" applyAlignment="1">
      <alignment horizontal="center" vertical="center" wrapText="1"/>
    </xf>
    <xf numFmtId="165" fontId="4" fillId="0" borderId="0" xfId="3" applyNumberFormat="1" applyFont="1" applyFill="1" applyBorder="1" applyAlignment="1">
      <alignment horizontal="center" vertical="center" wrapText="1"/>
    </xf>
    <xf numFmtId="165" fontId="5" fillId="2" borderId="15" xfId="3" applyNumberFormat="1" applyFont="1" applyFill="1" applyBorder="1" applyAlignment="1">
      <alignment horizontal="center" vertical="center" wrapText="1"/>
    </xf>
    <xf numFmtId="165" fontId="5" fillId="0" borderId="11" xfId="5" applyNumberFormat="1" applyFont="1" applyFill="1" applyBorder="1" applyAlignment="1">
      <alignment vertical="center"/>
    </xf>
    <xf numFmtId="165" fontId="4" fillId="0" borderId="8" xfId="5" applyNumberFormat="1" applyFont="1" applyFill="1" applyBorder="1" applyAlignment="1">
      <alignment horizontal="center" vertical="center" wrapText="1"/>
    </xf>
    <xf numFmtId="165" fontId="4" fillId="0" borderId="8" xfId="3" applyNumberFormat="1" applyFont="1" applyFill="1" applyBorder="1" applyAlignment="1">
      <alignment vertical="center"/>
    </xf>
    <xf numFmtId="165" fontId="5" fillId="0" borderId="11" xfId="5" applyNumberFormat="1" applyFont="1" applyFill="1" applyBorder="1" applyAlignment="1">
      <alignment horizontal="center" vertical="center" wrapText="1"/>
    </xf>
    <xf numFmtId="165" fontId="4" fillId="0" borderId="8" xfId="3" applyNumberFormat="1" applyFont="1" applyFill="1" applyBorder="1" applyAlignment="1">
      <alignment horizontal="center" vertical="center" wrapText="1"/>
    </xf>
    <xf numFmtId="165" fontId="5" fillId="0" borderId="8" xfId="5" applyNumberFormat="1" applyFont="1" applyFill="1" applyBorder="1" applyAlignment="1">
      <alignment horizontal="center" vertical="center" wrapText="1"/>
    </xf>
    <xf numFmtId="165" fontId="5" fillId="0" borderId="8" xfId="5" applyNumberFormat="1" applyFont="1" applyFill="1" applyBorder="1" applyAlignment="1">
      <alignment horizontal="left" vertical="center"/>
    </xf>
    <xf numFmtId="165" fontId="5" fillId="0" borderId="2" xfId="5" applyNumberFormat="1" applyFont="1" applyFill="1" applyBorder="1" applyAlignment="1">
      <alignment horizontal="left" vertical="center"/>
    </xf>
    <xf numFmtId="165" fontId="4" fillId="0" borderId="2" xfId="5" applyNumberFormat="1" applyFont="1" applyFill="1" applyBorder="1" applyAlignment="1">
      <alignment horizontal="left" vertical="center"/>
    </xf>
    <xf numFmtId="165" fontId="4" fillId="0" borderId="8" xfId="5" applyNumberFormat="1" applyFont="1" applyFill="1" applyBorder="1" applyAlignment="1">
      <alignment horizontal="left" vertical="center"/>
    </xf>
    <xf numFmtId="165" fontId="4" fillId="0" borderId="2" xfId="5" applyNumberFormat="1" applyFont="1" applyBorder="1"/>
    <xf numFmtId="165" fontId="5" fillId="0" borderId="12" xfId="3" applyNumberFormat="1" applyFont="1" applyFill="1" applyBorder="1" applyAlignment="1">
      <alignment horizontal="center" vertical="center" wrapText="1"/>
    </xf>
    <xf numFmtId="165" fontId="5" fillId="2" borderId="15" xfId="5" applyNumberFormat="1" applyFont="1" applyFill="1" applyBorder="1" applyAlignment="1">
      <alignment horizontal="left"/>
    </xf>
    <xf numFmtId="165" fontId="5" fillId="2" borderId="15" xfId="5" applyNumberFormat="1" applyFont="1" applyFill="1" applyBorder="1" applyAlignment="1">
      <alignment horizontal="left" vertical="center"/>
    </xf>
    <xf numFmtId="165" fontId="5" fillId="2" borderId="10" xfId="5" applyNumberFormat="1" applyFont="1" applyFill="1" applyBorder="1" applyAlignment="1">
      <alignment horizontal="left" vertical="center"/>
    </xf>
    <xf numFmtId="165" fontId="4" fillId="0" borderId="0" xfId="5" applyNumberFormat="1" applyFont="1" applyFill="1" applyBorder="1" applyAlignment="1">
      <alignment vertical="center"/>
    </xf>
    <xf numFmtId="165" fontId="4" fillId="0" borderId="5" xfId="5" applyNumberFormat="1" applyFont="1" applyFill="1" applyBorder="1" applyAlignment="1">
      <alignment vertical="center"/>
    </xf>
    <xf numFmtId="165" fontId="4" fillId="0" borderId="14" xfId="5" applyNumberFormat="1" applyFont="1" applyFill="1" applyBorder="1" applyAlignment="1">
      <alignment vertical="center"/>
    </xf>
    <xf numFmtId="165" fontId="4" fillId="0" borderId="4" xfId="5" applyNumberFormat="1" applyFont="1" applyFill="1" applyBorder="1" applyAlignment="1">
      <alignment vertical="center"/>
    </xf>
    <xf numFmtId="165" fontId="4" fillId="0" borderId="2" xfId="5" applyNumberFormat="1" applyFont="1" applyFill="1" applyBorder="1" applyAlignment="1"/>
    <xf numFmtId="165" fontId="5" fillId="0" borderId="14" xfId="5" applyNumberFormat="1" applyFont="1" applyFill="1" applyBorder="1" applyAlignment="1">
      <alignment horizontal="right" vertical="center" wrapText="1"/>
    </xf>
    <xf numFmtId="165" fontId="5" fillId="0" borderId="4" xfId="0" applyNumberFormat="1" applyFont="1" applyFill="1" applyBorder="1" applyAlignment="1">
      <alignment horizontal="center" vertical="center"/>
    </xf>
    <xf numFmtId="165" fontId="4" fillId="0" borderId="2" xfId="5" applyNumberFormat="1" applyFont="1" applyFill="1" applyBorder="1" applyAlignment="1">
      <alignment horizontal="right" vertical="center"/>
    </xf>
    <xf numFmtId="165" fontId="23" fillId="0" borderId="2" xfId="5" applyNumberFormat="1" applyFont="1" applyFill="1" applyBorder="1" applyAlignment="1">
      <alignment horizontal="right" vertical="center"/>
    </xf>
    <xf numFmtId="165" fontId="4" fillId="0" borderId="8" xfId="5" applyNumberFormat="1" applyFont="1" applyFill="1" applyBorder="1" applyAlignment="1">
      <alignment horizontal="right" vertical="center"/>
    </xf>
    <xf numFmtId="165" fontId="4" fillId="0" borderId="2" xfId="5" quotePrefix="1" applyNumberFormat="1" applyFont="1" applyFill="1" applyBorder="1" applyAlignment="1">
      <alignment horizontal="right" vertical="center"/>
    </xf>
    <xf numFmtId="165" fontId="22" fillId="0" borderId="8" xfId="5" applyNumberFormat="1" applyFont="1" applyFill="1" applyBorder="1" applyAlignment="1">
      <alignment horizontal="right" vertical="center"/>
    </xf>
    <xf numFmtId="165" fontId="5" fillId="0" borderId="2" xfId="5" applyNumberFormat="1" applyFont="1" applyFill="1" applyBorder="1" applyAlignment="1">
      <alignment horizontal="right" vertical="center" wrapText="1"/>
    </xf>
    <xf numFmtId="165" fontId="5" fillId="0" borderId="0" xfId="0" applyNumberFormat="1" applyFont="1" applyFill="1" applyBorder="1" applyAlignment="1">
      <alignment horizontal="center" vertical="center"/>
    </xf>
    <xf numFmtId="165" fontId="5" fillId="0" borderId="7" xfId="0" applyNumberFormat="1" applyFont="1" applyFill="1" applyBorder="1" applyAlignment="1">
      <alignment horizontal="center" vertical="center"/>
    </xf>
    <xf numFmtId="165" fontId="4" fillId="0" borderId="5" xfId="0" applyNumberFormat="1" applyFont="1" applyFill="1" applyBorder="1" applyAlignment="1">
      <alignment vertical="center"/>
    </xf>
    <xf numFmtId="165" fontId="4" fillId="0" borderId="0" xfId="0" applyNumberFormat="1" applyFont="1" applyFill="1" applyAlignment="1">
      <alignment horizontal="center" vertical="center"/>
    </xf>
    <xf numFmtId="165" fontId="4" fillId="0" borderId="5" xfId="0" applyNumberFormat="1" applyFont="1" applyFill="1" applyBorder="1" applyAlignment="1">
      <alignment horizontal="center" vertical="center"/>
    </xf>
    <xf numFmtId="165" fontId="25" fillId="0" borderId="2" xfId="0" applyNumberFormat="1" applyFont="1" applyFill="1" applyBorder="1" applyAlignment="1">
      <alignment horizontal="right" vertical="center"/>
    </xf>
    <xf numFmtId="165" fontId="24" fillId="0" borderId="2" xfId="5" applyNumberFormat="1" applyFont="1" applyFill="1" applyBorder="1" applyAlignment="1">
      <alignment horizontal="right" vertical="center"/>
    </xf>
    <xf numFmtId="165" fontId="5" fillId="0" borderId="0" xfId="5" applyNumberFormat="1" applyFont="1" applyFill="1" applyBorder="1" applyAlignment="1">
      <alignment vertical="center"/>
    </xf>
    <xf numFmtId="165" fontId="4" fillId="0" borderId="11" xfId="1" applyNumberFormat="1" applyFont="1" applyFill="1" applyBorder="1" applyAlignment="1">
      <alignment vertical="center"/>
    </xf>
    <xf numFmtId="165" fontId="4" fillId="0" borderId="8" xfId="1" applyNumberFormat="1" applyFont="1" applyFill="1" applyBorder="1" applyAlignment="1">
      <alignment vertical="center"/>
    </xf>
    <xf numFmtId="165" fontId="5" fillId="0" borderId="8" xfId="1" applyNumberFormat="1" applyFont="1" applyFill="1" applyBorder="1" applyAlignment="1">
      <alignment vertical="center"/>
    </xf>
    <xf numFmtId="165" fontId="5" fillId="0" borderId="11" xfId="1" applyNumberFormat="1" applyFont="1" applyFill="1" applyBorder="1" applyAlignment="1">
      <alignment vertical="center"/>
    </xf>
    <xf numFmtId="165" fontId="5" fillId="0" borderId="6" xfId="5" applyNumberFormat="1" applyFont="1" applyFill="1" applyBorder="1" applyAlignment="1">
      <alignment horizontal="left" vertical="center" wrapText="1"/>
    </xf>
    <xf numFmtId="165" fontId="5" fillId="0" borderId="14" xfId="5" applyNumberFormat="1" applyFont="1" applyFill="1" applyBorder="1" applyAlignment="1">
      <alignment horizontal="left" vertical="center" wrapText="1"/>
    </xf>
    <xf numFmtId="165" fontId="5" fillId="0" borderId="3" xfId="5" applyNumberFormat="1" applyFont="1" applyFill="1" applyBorder="1" applyAlignment="1">
      <alignment horizontal="right" vertical="center" wrapText="1"/>
    </xf>
    <xf numFmtId="165" fontId="5" fillId="0" borderId="6" xfId="5" applyNumberFormat="1" applyFont="1" applyFill="1" applyBorder="1" applyAlignment="1">
      <alignment horizontal="right" vertical="center" wrapText="1"/>
    </xf>
    <xf numFmtId="165" fontId="5" fillId="0" borderId="11" xfId="5" applyNumberFormat="1" applyFont="1" applyFill="1" applyBorder="1" applyAlignment="1">
      <alignment horizontal="left" vertical="center" wrapText="1"/>
    </xf>
    <xf numFmtId="165" fontId="4" fillId="0" borderId="3" xfId="1" applyNumberFormat="1" applyFont="1" applyFill="1" applyBorder="1" applyAlignment="1">
      <alignment horizontal="left" vertical="center" wrapText="1"/>
    </xf>
    <xf numFmtId="165" fontId="4" fillId="0" borderId="2" xfId="5" applyNumberFormat="1" applyFont="1" applyFill="1" applyBorder="1" applyAlignment="1">
      <alignment horizontal="left" vertical="center" wrapText="1"/>
    </xf>
    <xf numFmtId="165" fontId="4" fillId="0" borderId="3" xfId="5" applyNumberFormat="1" applyFont="1" applyFill="1" applyBorder="1" applyAlignment="1">
      <alignment horizontal="right" vertical="center" wrapText="1"/>
    </xf>
    <xf numFmtId="165" fontId="5" fillId="0" borderId="8" xfId="5" applyNumberFormat="1" applyFont="1" applyFill="1" applyBorder="1" applyAlignment="1">
      <alignment horizontal="left" vertical="center" wrapText="1"/>
    </xf>
    <xf numFmtId="165" fontId="5" fillId="0" borderId="3" xfId="5" applyNumberFormat="1" applyFont="1" applyFill="1" applyBorder="1" applyAlignment="1">
      <alignment horizontal="left" vertical="center" wrapText="1"/>
    </xf>
    <xf numFmtId="165" fontId="5" fillId="0" borderId="2" xfId="5" applyNumberFormat="1" applyFont="1" applyFill="1" applyBorder="1" applyAlignment="1">
      <alignment horizontal="left" vertical="center" wrapText="1"/>
    </xf>
    <xf numFmtId="165" fontId="4" fillId="0" borderId="12" xfId="1" applyNumberFormat="1" applyFont="1" applyFill="1" applyBorder="1" applyAlignment="1">
      <alignment horizontal="left" vertical="center" wrapText="1"/>
    </xf>
    <xf numFmtId="165" fontId="5" fillId="0" borderId="13" xfId="5" applyNumberFormat="1" applyFont="1" applyFill="1" applyBorder="1" applyAlignment="1">
      <alignment horizontal="left" vertical="center" wrapText="1"/>
    </xf>
    <xf numFmtId="165" fontId="4" fillId="0" borderId="13" xfId="5" applyNumberFormat="1" applyFont="1" applyFill="1" applyBorder="1" applyAlignment="1">
      <alignment horizontal="right" vertical="center" wrapText="1"/>
    </xf>
    <xf numFmtId="165" fontId="4" fillId="0" borderId="12" xfId="5" applyNumberFormat="1" applyFont="1" applyFill="1" applyBorder="1" applyAlignment="1">
      <alignment horizontal="right" vertical="center" wrapText="1"/>
    </xf>
    <xf numFmtId="165" fontId="5" fillId="0" borderId="1" xfId="5" applyNumberFormat="1" applyFont="1" applyFill="1" applyBorder="1" applyAlignment="1">
      <alignment horizontal="left" vertical="center" wrapText="1"/>
    </xf>
    <xf numFmtId="165" fontId="5" fillId="2" borderId="12" xfId="1" applyNumberFormat="1" applyFont="1" applyFill="1" applyBorder="1" applyAlignment="1">
      <alignment horizontal="left" vertical="center" wrapText="1"/>
    </xf>
    <xf numFmtId="165" fontId="5" fillId="2" borderId="12" xfId="5" applyNumberFormat="1" applyFont="1" applyFill="1" applyBorder="1" applyAlignment="1">
      <alignment horizontal="right" vertical="center" wrapText="1"/>
    </xf>
    <xf numFmtId="165" fontId="5" fillId="2" borderId="1" xfId="5" applyNumberFormat="1" applyFont="1" applyFill="1" applyBorder="1" applyAlignment="1">
      <alignment horizontal="right" vertical="center" wrapText="1"/>
    </xf>
    <xf numFmtId="165" fontId="5" fillId="2" borderId="1" xfId="1" applyNumberFormat="1" applyFont="1" applyFill="1" applyBorder="1" applyAlignment="1">
      <alignment horizontal="left" vertical="center" wrapText="1"/>
    </xf>
    <xf numFmtId="165" fontId="4" fillId="0" borderId="1" xfId="1" applyNumberFormat="1" applyFont="1" applyFill="1" applyBorder="1" applyAlignment="1">
      <alignment vertical="center"/>
    </xf>
    <xf numFmtId="165" fontId="5" fillId="0" borderId="10" xfId="2" applyNumberFormat="1" applyFont="1" applyFill="1" applyBorder="1" applyAlignment="1">
      <alignment vertical="center"/>
    </xf>
    <xf numFmtId="165" fontId="5" fillId="0" borderId="14" xfId="5" applyNumberFormat="1" applyFont="1" applyFill="1" applyBorder="1" applyAlignment="1">
      <alignment horizontal="right" vertical="center"/>
    </xf>
    <xf numFmtId="165" fontId="4" fillId="0" borderId="3" xfId="5" applyNumberFormat="1" applyFont="1" applyFill="1" applyBorder="1" applyAlignment="1">
      <alignment horizontal="left" vertical="center" wrapText="1"/>
    </xf>
    <xf numFmtId="165" fontId="4" fillId="0" borderId="2" xfId="5" applyNumberFormat="1" applyFont="1" applyFill="1" applyBorder="1" applyAlignment="1">
      <alignment horizontal="right" vertical="center" wrapText="1"/>
    </xf>
    <xf numFmtId="165" fontId="5" fillId="0" borderId="13" xfId="5" applyNumberFormat="1" applyFont="1" applyFill="1" applyBorder="1" applyAlignment="1">
      <alignment horizontal="right" vertical="center"/>
    </xf>
    <xf numFmtId="165" fontId="5" fillId="0" borderId="13" xfId="5" applyNumberFormat="1" applyFont="1" applyFill="1" applyBorder="1" applyAlignment="1">
      <alignment horizontal="right" vertical="center" wrapText="1"/>
    </xf>
    <xf numFmtId="165" fontId="5" fillId="2" borderId="9" xfId="5" applyNumberFormat="1" applyFont="1" applyFill="1" applyBorder="1" applyAlignment="1">
      <alignment horizontal="left" vertical="center" wrapText="1"/>
    </xf>
    <xf numFmtId="165" fontId="5" fillId="2" borderId="10" xfId="5" applyNumberFormat="1" applyFont="1" applyFill="1" applyBorder="1" applyAlignment="1">
      <alignment horizontal="left" vertical="center" wrapText="1"/>
    </xf>
    <xf numFmtId="165" fontId="5" fillId="0" borderId="5" xfId="1" applyNumberFormat="1" applyFont="1" applyFill="1" applyBorder="1" applyAlignment="1">
      <alignment vertical="center"/>
    </xf>
    <xf numFmtId="165" fontId="5" fillId="0" borderId="2" xfId="1" applyNumberFormat="1" applyFont="1" applyFill="1" applyBorder="1" applyAlignment="1">
      <alignment vertical="center"/>
    </xf>
    <xf numFmtId="165" fontId="4" fillId="0" borderId="2" xfId="1" applyNumberFormat="1" applyFont="1" applyFill="1" applyBorder="1" applyAlignment="1">
      <alignment vertical="center" wrapText="1"/>
    </xf>
    <xf numFmtId="165" fontId="5" fillId="0" borderId="2" xfId="1" applyNumberFormat="1" applyFont="1" applyFill="1" applyBorder="1" applyAlignment="1">
      <alignment vertical="center" wrapText="1"/>
    </xf>
    <xf numFmtId="165" fontId="4" fillId="0" borderId="2" xfId="1" applyNumberFormat="1" applyFont="1" applyFill="1" applyBorder="1" applyAlignment="1">
      <alignment vertical="center"/>
    </xf>
    <xf numFmtId="165" fontId="5" fillId="2" borderId="15" xfId="1" applyNumberFormat="1" applyFont="1" applyFill="1" applyBorder="1" applyAlignment="1">
      <alignment vertical="center"/>
    </xf>
    <xf numFmtId="165" fontId="5" fillId="0" borderId="1" xfId="1" applyNumberFormat="1" applyFont="1" applyFill="1" applyBorder="1" applyAlignment="1">
      <alignmen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165" fontId="4" fillId="0" borderId="14" xfId="1" applyNumberFormat="1" applyFont="1" applyFill="1" applyBorder="1" applyAlignment="1">
      <alignment vertical="center"/>
    </xf>
    <xf numFmtId="165" fontId="5" fillId="2" borderId="10" xfId="1" applyNumberFormat="1" applyFont="1" applyFill="1" applyBorder="1" applyAlignment="1">
      <alignment horizontal="center" vertical="center" wrapText="1"/>
    </xf>
    <xf numFmtId="165" fontId="5" fillId="2" borderId="1" xfId="1" applyNumberFormat="1" applyFont="1" applyFill="1" applyBorder="1" applyAlignment="1">
      <alignment horizontal="center" vertical="center"/>
    </xf>
    <xf numFmtId="165" fontId="5" fillId="2" borderId="10" xfId="1" applyNumberFormat="1" applyFont="1" applyFill="1" applyBorder="1" applyAlignment="1">
      <alignment vertical="center"/>
    </xf>
    <xf numFmtId="165" fontId="5" fillId="2" borderId="15" xfId="1" applyNumberFormat="1" applyFont="1" applyFill="1" applyBorder="1" applyAlignment="1">
      <alignment horizontal="center" vertical="center"/>
    </xf>
    <xf numFmtId="165" fontId="5" fillId="2" borderId="7" xfId="1" applyNumberFormat="1" applyFont="1" applyFill="1" applyBorder="1" applyAlignment="1">
      <alignment vertical="center"/>
    </xf>
    <xf numFmtId="165" fontId="4" fillId="3" borderId="14" xfId="1" applyNumberFormat="1" applyFont="1" applyFill="1" applyBorder="1" applyAlignment="1">
      <alignment horizontal="left" vertical="center"/>
    </xf>
    <xf numFmtId="165" fontId="4" fillId="3" borderId="6" xfId="1" applyNumberFormat="1" applyFont="1" applyFill="1" applyBorder="1" applyAlignment="1">
      <alignment horizontal="left" vertical="center"/>
    </xf>
    <xf numFmtId="165" fontId="4" fillId="0" borderId="2" xfId="1" applyNumberFormat="1" applyFont="1" applyFill="1" applyBorder="1" applyAlignment="1">
      <alignment horizontal="center" vertical="center"/>
    </xf>
    <xf numFmtId="165" fontId="5" fillId="0" borderId="0" xfId="1" applyNumberFormat="1" applyFont="1" applyFill="1" applyBorder="1" applyAlignment="1">
      <alignment horizontal="center" vertical="center"/>
    </xf>
    <xf numFmtId="165" fontId="4" fillId="0" borderId="11" xfId="1" applyNumberFormat="1" applyFont="1" applyBorder="1" applyAlignment="1">
      <alignment vertical="center"/>
    </xf>
    <xf numFmtId="165" fontId="4" fillId="3" borderId="2" xfId="1" applyNumberFormat="1" applyFont="1" applyFill="1" applyBorder="1" applyAlignment="1">
      <alignment horizontal="left" vertical="center"/>
    </xf>
    <xf numFmtId="165" fontId="4" fillId="3" borderId="3" xfId="1" applyNumberFormat="1" applyFont="1" applyFill="1" applyBorder="1" applyAlignment="1">
      <alignment horizontal="left" vertical="center"/>
    </xf>
    <xf numFmtId="165" fontId="4" fillId="0" borderId="0" xfId="1" applyNumberFormat="1" applyFont="1" applyFill="1" applyBorder="1" applyAlignment="1">
      <alignment horizontal="center" vertical="center"/>
    </xf>
    <xf numFmtId="165" fontId="4" fillId="0" borderId="8" xfId="1" applyNumberFormat="1" applyFont="1" applyBorder="1" applyAlignment="1">
      <alignment vertical="center"/>
    </xf>
    <xf numFmtId="165" fontId="5" fillId="3" borderId="2" xfId="1" applyNumberFormat="1" applyFont="1" applyFill="1" applyBorder="1" applyAlignment="1">
      <alignment horizontal="left" vertical="center"/>
    </xf>
    <xf numFmtId="165" fontId="5" fillId="3" borderId="3" xfId="1" applyNumberFormat="1" applyFont="1" applyFill="1" applyBorder="1" applyAlignment="1">
      <alignment horizontal="left" vertical="center"/>
    </xf>
    <xf numFmtId="165" fontId="5" fillId="0" borderId="2" xfId="1" applyNumberFormat="1" applyFont="1" applyFill="1" applyBorder="1" applyAlignment="1">
      <alignment horizontal="center" vertical="center"/>
    </xf>
    <xf numFmtId="165" fontId="5" fillId="0" borderId="8" xfId="1" applyNumberFormat="1" applyFont="1" applyBorder="1" applyAlignment="1">
      <alignment vertical="center"/>
    </xf>
    <xf numFmtId="165" fontId="5" fillId="0" borderId="0" xfId="1" applyNumberFormat="1" applyFont="1" applyAlignment="1">
      <alignment vertical="center"/>
    </xf>
    <xf numFmtId="165" fontId="5" fillId="0" borderId="1" xfId="1" applyNumberFormat="1" applyFont="1" applyBorder="1" applyAlignment="1">
      <alignment vertical="center"/>
    </xf>
    <xf numFmtId="165" fontId="5" fillId="0" borderId="14" xfId="1" applyNumberFormat="1" applyFont="1" applyFill="1" applyBorder="1" applyAlignment="1">
      <alignment vertical="center"/>
    </xf>
    <xf numFmtId="165" fontId="5" fillId="0" borderId="11" xfId="1" applyNumberFormat="1" applyFont="1" applyBorder="1" applyAlignment="1">
      <alignment vertical="center"/>
    </xf>
    <xf numFmtId="165" fontId="4" fillId="0" borderId="1" xfId="1" applyNumberFormat="1" applyFont="1" applyBorder="1" applyAlignment="1">
      <alignment vertical="center"/>
    </xf>
    <xf numFmtId="165" fontId="4" fillId="0" borderId="8" xfId="0" applyNumberFormat="1" applyFont="1" applyFill="1" applyBorder="1" applyAlignment="1">
      <alignment horizontal="right" vertical="center" wrapText="1"/>
    </xf>
    <xf numFmtId="165" fontId="4" fillId="0" borderId="2" xfId="0" applyNumberFormat="1" applyFont="1" applyFill="1" applyBorder="1" applyAlignment="1">
      <alignment horizontal="right" vertical="center" wrapText="1"/>
    </xf>
    <xf numFmtId="165" fontId="4" fillId="0" borderId="8" xfId="0" applyNumberFormat="1" applyFont="1" applyFill="1" applyBorder="1" applyAlignment="1">
      <alignment vertical="center" wrapText="1"/>
    </xf>
    <xf numFmtId="165" fontId="5" fillId="2" borderId="15" xfId="0" applyNumberFormat="1" applyFont="1" applyFill="1" applyBorder="1" applyAlignment="1">
      <alignment horizontal="right" vertical="center" wrapText="1"/>
    </xf>
    <xf numFmtId="165" fontId="5" fillId="2" borderId="10" xfId="0" applyNumberFormat="1" applyFont="1" applyFill="1" applyBorder="1" applyAlignment="1">
      <alignment vertical="center" wrapText="1"/>
    </xf>
    <xf numFmtId="165" fontId="5" fillId="2" borderId="13" xfId="0" applyNumberFormat="1" applyFont="1" applyFill="1" applyBorder="1" applyAlignment="1">
      <alignment horizontal="right" vertical="center" wrapText="1"/>
    </xf>
    <xf numFmtId="165" fontId="4" fillId="0" borderId="13" xfId="0" applyNumberFormat="1" applyFont="1" applyFill="1" applyBorder="1" applyAlignment="1">
      <alignment horizontal="center" vertical="center"/>
    </xf>
    <xf numFmtId="165" fontId="5" fillId="0" borderId="14" xfId="0" applyNumberFormat="1" applyFont="1" applyFill="1" applyBorder="1" applyAlignment="1">
      <alignment vertical="center"/>
    </xf>
    <xf numFmtId="49" fontId="5" fillId="2" borderId="10" xfId="0" applyNumberFormat="1" applyFont="1" applyFill="1" applyBorder="1" applyAlignment="1">
      <alignment horizontal="center" vertical="center"/>
    </xf>
    <xf numFmtId="169" fontId="4" fillId="0" borderId="0" xfId="0" applyNumberFormat="1" applyFont="1" applyFill="1" applyAlignment="1">
      <alignment horizontal="right" vertical="center"/>
    </xf>
    <xf numFmtId="7" fontId="4" fillId="0" borderId="0" xfId="5" applyNumberFormat="1" applyFont="1" applyFill="1" applyAlignment="1">
      <alignment horizontal="right" vertical="center"/>
    </xf>
    <xf numFmtId="169" fontId="4" fillId="0" borderId="7" xfId="0" applyNumberFormat="1" applyFont="1" applyFill="1" applyBorder="1" applyAlignment="1">
      <alignment horizontal="right" vertical="center"/>
    </xf>
    <xf numFmtId="169" fontId="4" fillId="0" borderId="7" xfId="0" applyNumberFormat="1" applyFont="1" applyFill="1" applyBorder="1" applyAlignment="1">
      <alignment vertical="center"/>
    </xf>
    <xf numFmtId="43" fontId="4" fillId="0" borderId="8" xfId="3" applyNumberFormat="1"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6" xfId="1" applyNumberFormat="1" applyFont="1" applyFill="1" applyBorder="1" applyAlignment="1">
      <alignment vertical="center"/>
    </xf>
    <xf numFmtId="165" fontId="4" fillId="0" borderId="3" xfId="1" applyNumberFormat="1" applyFont="1" applyFill="1" applyBorder="1" applyAlignment="1">
      <alignment vertical="center"/>
    </xf>
    <xf numFmtId="0" fontId="4" fillId="0" borderId="4" xfId="1" applyFont="1" applyFill="1" applyBorder="1" applyAlignment="1">
      <alignment horizontal="left" vertical="center" wrapText="1"/>
    </xf>
    <xf numFmtId="0" fontId="4" fillId="0" borderId="6" xfId="1" applyFont="1" applyFill="1" applyBorder="1" applyAlignment="1">
      <alignment vertical="center" wrapText="1"/>
    </xf>
    <xf numFmtId="165" fontId="4" fillId="0" borderId="9" xfId="0" applyNumberFormat="1" applyFont="1" applyFill="1" applyBorder="1" applyAlignment="1">
      <alignment vertical="center"/>
    </xf>
    <xf numFmtId="165" fontId="4" fillId="0" borderId="15"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1" xfId="1" applyFont="1" applyFill="1" applyBorder="1" applyAlignment="1">
      <alignment horizontal="center" vertical="top"/>
    </xf>
    <xf numFmtId="0" fontId="5" fillId="0" borderId="0" xfId="1" applyFont="1" applyFill="1" applyBorder="1" applyAlignment="1">
      <alignment horizontal="left" vertical="center"/>
    </xf>
    <xf numFmtId="0" fontId="5" fillId="2" borderId="4" xfId="1" applyFont="1" applyFill="1" applyBorder="1" applyAlignment="1">
      <alignment horizontal="center" vertical="center"/>
    </xf>
    <xf numFmtId="0" fontId="5" fillId="0" borderId="4" xfId="1" applyFont="1" applyFill="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0" borderId="12" xfId="1" applyFont="1" applyBorder="1" applyAlignment="1">
      <alignment horizontal="left" vertical="center"/>
    </xf>
    <xf numFmtId="0" fontId="5" fillId="0" borderId="6" xfId="1" applyFont="1" applyBorder="1" applyAlignment="1">
      <alignment horizontal="left" vertical="center"/>
    </xf>
    <xf numFmtId="0" fontId="5" fillId="0" borderId="3" xfId="1" applyFont="1" applyBorder="1" applyAlignment="1">
      <alignment horizontal="left" vertical="center"/>
    </xf>
    <xf numFmtId="0" fontId="5" fillId="2" borderId="14" xfId="1" applyFont="1" applyFill="1" applyBorder="1" applyAlignment="1">
      <alignment horizontal="center" vertical="center" wrapText="1"/>
    </xf>
    <xf numFmtId="0" fontId="5" fillId="2" borderId="7" xfId="1" applyFont="1" applyFill="1" applyBorder="1" applyAlignment="1">
      <alignment horizontal="center" vertical="top"/>
    </xf>
    <xf numFmtId="0" fontId="5" fillId="0" borderId="3" xfId="1" applyFont="1" applyFill="1" applyBorder="1" applyAlignment="1">
      <alignment horizontal="left" vertical="center"/>
    </xf>
    <xf numFmtId="0" fontId="5" fillId="0" borderId="0" xfId="1" applyFont="1" applyBorder="1" applyAlignment="1">
      <alignment vertical="center"/>
    </xf>
    <xf numFmtId="0" fontId="5" fillId="0" borderId="7" xfId="1" applyFont="1" applyBorder="1" applyAlignment="1">
      <alignment vertical="center"/>
    </xf>
    <xf numFmtId="0" fontId="5" fillId="0" borderId="12" xfId="1" applyFont="1" applyBorder="1" applyAlignment="1">
      <alignment vertical="center"/>
    </xf>
    <xf numFmtId="0" fontId="5" fillId="0" borderId="4" xfId="1" applyFont="1" applyBorder="1" applyAlignment="1">
      <alignment vertical="center"/>
    </xf>
    <xf numFmtId="0" fontId="5" fillId="2" borderId="13" xfId="1" applyFont="1" applyFill="1" applyBorder="1" applyAlignment="1">
      <alignment horizontal="center" vertical="top"/>
    </xf>
    <xf numFmtId="0" fontId="4" fillId="2" borderId="7" xfId="1" applyFont="1" applyFill="1" applyBorder="1" applyAlignment="1">
      <alignment horizontal="center" vertical="top"/>
    </xf>
    <xf numFmtId="0" fontId="5" fillId="2" borderId="7" xfId="1" applyFont="1" applyFill="1" applyBorder="1" applyAlignment="1">
      <alignment horizontal="center" vertical="top"/>
    </xf>
    <xf numFmtId="165" fontId="4" fillId="0" borderId="7" xfId="5" applyNumberFormat="1" applyFont="1" applyFill="1" applyBorder="1" applyAlignment="1">
      <alignment horizontal="center" vertical="center"/>
    </xf>
    <xf numFmtId="0" fontId="5" fillId="2" borderId="13" xfId="0" applyFont="1" applyFill="1" applyBorder="1" applyAlignment="1">
      <alignment horizontal="center" vertical="center"/>
    </xf>
    <xf numFmtId="0" fontId="5" fillId="2" borderId="2" xfId="0" applyFont="1" applyFill="1" applyBorder="1" applyAlignment="1">
      <alignment horizontal="center" vertical="center"/>
    </xf>
    <xf numFmtId="165" fontId="4" fillId="0" borderId="7" xfId="0" applyNumberFormat="1" applyFont="1" applyFill="1" applyBorder="1" applyAlignment="1">
      <alignment horizontal="center" vertical="center"/>
    </xf>
    <xf numFmtId="0" fontId="5" fillId="0" borderId="0" xfId="1" applyFont="1" applyFill="1" applyAlignment="1">
      <alignment vertical="top"/>
    </xf>
    <xf numFmtId="0" fontId="4" fillId="0" borderId="9" xfId="0" applyFont="1" applyFill="1" applyBorder="1" applyAlignment="1">
      <alignment vertical="center" wrapText="1"/>
    </xf>
    <xf numFmtId="165" fontId="5" fillId="0" borderId="4" xfId="0" applyNumberFormat="1" applyFont="1" applyFill="1" applyBorder="1" applyAlignment="1">
      <alignment vertical="center"/>
    </xf>
    <xf numFmtId="165" fontId="5" fillId="0" borderId="5" xfId="0" applyNumberFormat="1" applyFont="1" applyFill="1" applyBorder="1" applyAlignment="1">
      <alignment vertical="center"/>
    </xf>
    <xf numFmtId="0" fontId="5" fillId="0" borderId="4" xfId="0" applyFont="1" applyFill="1" applyBorder="1" applyAlignment="1">
      <alignment vertical="center"/>
    </xf>
    <xf numFmtId="165" fontId="4" fillId="0" borderId="7" xfId="0" applyNumberFormat="1" applyFont="1" applyFill="1" applyBorder="1" applyAlignment="1">
      <alignment vertical="center"/>
    </xf>
    <xf numFmtId="0" fontId="9" fillId="0" borderId="9" xfId="0" applyFont="1" applyFill="1" applyBorder="1" applyAlignment="1">
      <alignment vertical="center"/>
    </xf>
    <xf numFmtId="165" fontId="4" fillId="0" borderId="0" xfId="0" applyNumberFormat="1" applyFont="1" applyFill="1" applyBorder="1" applyAlignment="1">
      <alignment vertical="center"/>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4" fillId="0" borderId="0" xfId="1" applyNumberFormat="1" applyFont="1" applyFill="1" applyAlignment="1">
      <alignment vertical="center"/>
    </xf>
    <xf numFmtId="165" fontId="5" fillId="0" borderId="0" xfId="1" applyNumberFormat="1" applyFont="1" applyFill="1" applyAlignment="1">
      <alignment vertical="center"/>
    </xf>
    <xf numFmtId="165" fontId="4" fillId="0" borderId="13" xfId="1" applyNumberFormat="1" applyFont="1" applyFill="1" applyBorder="1" applyAlignment="1">
      <alignment vertical="center"/>
    </xf>
    <xf numFmtId="43" fontId="4" fillId="0" borderId="4" xfId="0" applyNumberFormat="1" applyFont="1" applyFill="1" applyBorder="1" applyAlignment="1">
      <alignment vertical="center" wrapText="1"/>
    </xf>
    <xf numFmtId="0" fontId="5" fillId="2" borderId="4" xfId="1" applyFont="1" applyFill="1" applyBorder="1" applyAlignment="1">
      <alignment horizontal="center" vertical="center"/>
    </xf>
    <xf numFmtId="0" fontId="5" fillId="2" borderId="7" xfId="1" applyFont="1" applyFill="1" applyBorder="1" applyAlignment="1">
      <alignment horizontal="center" vertical="top" wrapText="1"/>
    </xf>
    <xf numFmtId="165" fontId="26" fillId="0" borderId="2" xfId="0" applyNumberFormat="1" applyFont="1" applyFill="1" applyBorder="1" applyAlignment="1">
      <alignment vertical="center"/>
    </xf>
    <xf numFmtId="165" fontId="26" fillId="0" borderId="8" xfId="0" applyNumberFormat="1" applyFont="1" applyFill="1" applyBorder="1" applyAlignment="1">
      <alignment vertical="center"/>
    </xf>
    <xf numFmtId="165" fontId="26" fillId="0" borderId="2" xfId="5" applyNumberFormat="1" applyFont="1" applyFill="1" applyBorder="1" applyAlignment="1">
      <alignment horizontal="right" vertical="center"/>
    </xf>
    <xf numFmtId="165" fontId="26" fillId="0" borderId="8" xfId="5" applyNumberFormat="1" applyFont="1" applyFill="1" applyBorder="1" applyAlignment="1">
      <alignment horizontal="right" vertical="center"/>
    </xf>
    <xf numFmtId="165" fontId="26" fillId="0" borderId="2" xfId="0" applyNumberFormat="1" applyFont="1" applyFill="1" applyBorder="1" applyAlignment="1">
      <alignment horizontal="right" vertical="center"/>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165" fontId="4" fillId="0" borderId="11" xfId="5" applyNumberFormat="1" applyFont="1" applyFill="1" applyBorder="1" applyAlignment="1">
      <alignment horizontal="center" vertical="center"/>
    </xf>
    <xf numFmtId="165" fontId="4"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4" fillId="3" borderId="8" xfId="5" applyNumberFormat="1" applyFont="1" applyFill="1" applyBorder="1" applyAlignment="1">
      <alignment horizontal="center" vertical="center"/>
    </xf>
    <xf numFmtId="165" fontId="4" fillId="3" borderId="3" xfId="5"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0" xfId="5" applyNumberFormat="1"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165" fontId="5" fillId="0" borderId="4" xfId="5" applyNumberFormat="1" applyFont="1" applyFill="1" applyBorder="1" applyAlignment="1">
      <alignment horizontal="center" vertical="center"/>
    </xf>
    <xf numFmtId="0" fontId="5" fillId="2" borderId="5" xfId="0" applyNumberFormat="1" applyFont="1" applyFill="1" applyBorder="1" applyAlignment="1">
      <alignment horizontal="center" vertical="center"/>
    </xf>
    <xf numFmtId="22" fontId="4" fillId="0" borderId="0" xfId="0" applyNumberFormat="1" applyFont="1" applyFill="1" applyBorder="1" applyAlignment="1">
      <alignment horizontal="right" vertical="center"/>
    </xf>
    <xf numFmtId="165" fontId="5" fillId="0" borderId="0"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5" xfId="5" applyNumberFormat="1" applyFont="1" applyFill="1" applyBorder="1" applyAlignment="1">
      <alignment horizontal="center" vertical="center"/>
    </xf>
    <xf numFmtId="165" fontId="5" fillId="0" borderId="5" xfId="5" applyNumberFormat="1" applyFont="1" applyFill="1" applyBorder="1" applyAlignment="1">
      <alignment horizontal="center" vertical="center"/>
    </xf>
    <xf numFmtId="165" fontId="5" fillId="2" borderId="5" xfId="5" applyNumberFormat="1" applyFont="1" applyFill="1" applyBorder="1" applyAlignment="1">
      <alignment horizontal="center" vertical="center"/>
    </xf>
    <xf numFmtId="165" fontId="4" fillId="0" borderId="7" xfId="5" applyNumberFormat="1" applyFont="1" applyFill="1" applyBorder="1" applyAlignment="1">
      <alignment horizontal="center" vertical="center"/>
    </xf>
    <xf numFmtId="165" fontId="5" fillId="0" borderId="7" xfId="5" applyNumberFormat="1"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6" xfId="0" applyNumberFormat="1" applyFont="1" applyFill="1" applyBorder="1" applyAlignment="1">
      <alignment horizont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165" fontId="4" fillId="0" borderId="4" xfId="5" applyNumberFormat="1" applyFont="1" applyFill="1" applyBorder="1" applyAlignment="1">
      <alignment horizontal="center" vertic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165" fontId="5" fillId="0" borderId="11" xfId="5" applyNumberFormat="1" applyFont="1" applyBorder="1" applyAlignment="1">
      <alignment horizontal="center" vertical="center" wrapText="1"/>
    </xf>
    <xf numFmtId="165" fontId="5" fillId="0" borderId="4" xfId="5" applyNumberFormat="1" applyFont="1" applyBorder="1" applyAlignment="1">
      <alignment horizontal="center"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5" xfId="0" applyFont="1" applyFill="1" applyBorder="1" applyAlignment="1">
      <alignment horizontal="center" vertical="center" wrapText="1"/>
    </xf>
    <xf numFmtId="165" fontId="4" fillId="0" borderId="1" xfId="5" applyNumberFormat="1" applyFont="1" applyBorder="1" applyAlignment="1">
      <alignment horizontal="center" vertical="center" wrapText="1"/>
    </xf>
    <xf numFmtId="165" fontId="4" fillId="0" borderId="7" xfId="5" applyNumberFormat="1" applyFont="1" applyBorder="1" applyAlignment="1">
      <alignment horizontal="center" vertical="center" wrapText="1"/>
    </xf>
    <xf numFmtId="165" fontId="4" fillId="0" borderId="8" xfId="5" applyNumberFormat="1" applyFont="1" applyBorder="1" applyAlignment="1">
      <alignment horizontal="center" vertical="center" wrapText="1"/>
    </xf>
    <xf numFmtId="165" fontId="4" fillId="0" borderId="3" xfId="5" applyNumberFormat="1" applyFont="1" applyBorder="1" applyAlignment="1">
      <alignment horizontal="center" vertical="center" wrapText="1"/>
    </xf>
    <xf numFmtId="165" fontId="5" fillId="0" borderId="8" xfId="5" applyNumberFormat="1" applyFont="1" applyBorder="1" applyAlignment="1">
      <alignment horizontal="center" vertical="center" wrapText="1"/>
    </xf>
    <xf numFmtId="165" fontId="5" fillId="0" borderId="3" xfId="5" applyNumberFormat="1" applyFont="1" applyBorder="1" applyAlignment="1">
      <alignment horizontal="center" vertical="center" wrapText="1"/>
    </xf>
    <xf numFmtId="165" fontId="4" fillId="0" borderId="12" xfId="5" applyNumberFormat="1" applyFont="1" applyBorder="1" applyAlignment="1">
      <alignment horizontal="center" vertical="center" wrapText="1"/>
    </xf>
    <xf numFmtId="165" fontId="4" fillId="0" borderId="0" xfId="5" applyNumberFormat="1" applyFont="1" applyBorder="1" applyAlignment="1">
      <alignment horizontal="center" vertical="center" wrapText="1"/>
    </xf>
    <xf numFmtId="165" fontId="5" fillId="0" borderId="0" xfId="5" applyNumberFormat="1"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0" fontId="5" fillId="2" borderId="2" xfId="0"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0" xfId="0" applyFont="1" applyFill="1" applyBorder="1" applyAlignment="1">
      <alignment horizontal="center" vertical="center"/>
    </xf>
    <xf numFmtId="165" fontId="5" fillId="0" borderId="6" xfId="5" applyNumberFormat="1"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9"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165" fontId="4" fillId="0" borderId="11" xfId="5" applyNumberFormat="1" applyFont="1" applyBorder="1" applyAlignment="1">
      <alignment horizontal="center" vertical="center"/>
    </xf>
    <xf numFmtId="165" fontId="4" fillId="0" borderId="4" xfId="5" applyNumberFormat="1" applyFont="1" applyBorder="1" applyAlignment="1">
      <alignment horizontal="center" vertical="center"/>
    </xf>
    <xf numFmtId="165" fontId="4" fillId="0" borderId="6" xfId="5" applyNumberFormat="1" applyFont="1" applyBorder="1" applyAlignment="1">
      <alignment horizontal="center" vertical="center"/>
    </xf>
    <xf numFmtId="165" fontId="4" fillId="0" borderId="8" xfId="5" applyNumberFormat="1" applyFont="1" applyBorder="1" applyAlignment="1">
      <alignment horizontal="center" vertical="center"/>
    </xf>
    <xf numFmtId="0" fontId="0" fillId="0" borderId="0" xfId="0" applyAlignment="1">
      <alignment horizontal="center" vertical="center"/>
    </xf>
    <xf numFmtId="0" fontId="0" fillId="0" borderId="3" xfId="0" applyBorder="1" applyAlignment="1">
      <alignment horizontal="center" vertical="center"/>
    </xf>
    <xf numFmtId="165" fontId="4" fillId="0" borderId="1" xfId="5" applyNumberFormat="1" applyFont="1" applyBorder="1" applyAlignment="1">
      <alignment horizontal="center" vertical="center"/>
    </xf>
    <xf numFmtId="0" fontId="0" fillId="0" borderId="7" xfId="0" applyBorder="1" applyAlignment="1">
      <alignment horizontal="center" vertical="center"/>
    </xf>
    <xf numFmtId="0" fontId="0" fillId="0" borderId="12" xfId="0" applyBorder="1" applyAlignment="1">
      <alignment horizontal="center" vertical="center"/>
    </xf>
    <xf numFmtId="165" fontId="4" fillId="0" borderId="11" xfId="5" applyNumberFormat="1" applyFont="1" applyBorder="1" applyAlignment="1">
      <alignment horizontal="center" vertical="center" wrapText="1"/>
    </xf>
    <xf numFmtId="165" fontId="4" fillId="0" borderId="4" xfId="5" applyNumberFormat="1" applyFont="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49" fontId="4" fillId="0" borderId="0" xfId="0" applyNumberFormat="1" applyFont="1" applyFill="1" applyBorder="1" applyAlignment="1">
      <alignment horizontal="right" vertical="center"/>
    </xf>
    <xf numFmtId="0" fontId="5" fillId="2" borderId="7" xfId="0" applyFont="1" applyFill="1" applyBorder="1" applyAlignment="1">
      <alignment horizontal="center" vertical="center"/>
    </xf>
    <xf numFmtId="165" fontId="4" fillId="0" borderId="6" xfId="5" applyNumberFormat="1" applyFont="1" applyBorder="1" applyAlignment="1">
      <alignment horizontal="center" vertical="center" wrapText="1"/>
    </xf>
    <xf numFmtId="165" fontId="5" fillId="2" borderId="10" xfId="0" applyNumberFormat="1" applyFont="1" applyFill="1" applyBorder="1" applyAlignment="1">
      <alignment horizontal="center" vertical="center" wrapText="1"/>
    </xf>
    <xf numFmtId="165" fontId="5" fillId="2" borderId="5" xfId="0" applyNumberFormat="1" applyFont="1" applyFill="1" applyBorder="1" applyAlignment="1">
      <alignment horizontal="center"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0" fontId="5" fillId="2" borderId="4" xfId="0" applyNumberFormat="1" applyFont="1" applyFill="1" applyBorder="1" applyAlignment="1">
      <alignment horizontal="center"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165" fontId="5" fillId="2" borderId="9" xfId="0" applyNumberFormat="1" applyFont="1" applyFill="1" applyBorder="1" applyAlignment="1">
      <alignment horizontal="center" vertical="center"/>
    </xf>
    <xf numFmtId="165" fontId="5" fillId="0" borderId="10" xfId="0" applyNumberFormat="1" applyFont="1" applyFill="1" applyBorder="1" applyAlignment="1">
      <alignment horizontal="center" vertical="center"/>
    </xf>
    <xf numFmtId="165" fontId="5" fillId="0" borderId="5" xfId="0" applyNumberFormat="1" applyFont="1" applyFill="1" applyBorder="1" applyAlignment="1">
      <alignment horizontal="center"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13" xfId="0" applyNumberFormat="1" applyFont="1" applyFill="1" applyBorder="1" applyAlignment="1">
      <alignment horizontal="center" vertical="center"/>
    </xf>
    <xf numFmtId="165" fontId="4" fillId="0" borderId="8" xfId="5" quotePrefix="1" applyNumberFormat="1" applyFont="1" applyFill="1" applyBorder="1" applyAlignment="1">
      <alignment horizontal="center" vertical="center"/>
    </xf>
    <xf numFmtId="165" fontId="4" fillId="0" borderId="3" xfId="5" quotePrefix="1" applyNumberFormat="1" applyFont="1" applyFill="1" applyBorder="1" applyAlignment="1">
      <alignment horizontal="center"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10"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165" fontId="5" fillId="0" borderId="10" xfId="1" applyNumberFormat="1" applyFont="1" applyFill="1" applyBorder="1" applyAlignment="1">
      <alignment horizontal="center" vertical="center"/>
    </xf>
    <xf numFmtId="165" fontId="5" fillId="0" borderId="9" xfId="1" applyNumberFormat="1" applyFont="1" applyFill="1" applyBorder="1" applyAlignment="1">
      <alignment horizontal="center"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2" borderId="5" xfId="1" applyFont="1" applyFill="1" applyBorder="1" applyAlignment="1">
      <alignment horizontal="center" vertical="center"/>
    </xf>
    <xf numFmtId="165" fontId="4" fillId="0" borderId="1" xfId="1" applyNumberFormat="1" applyFont="1" applyFill="1" applyBorder="1" applyAlignment="1">
      <alignment horizontal="center" vertical="center"/>
    </xf>
    <xf numFmtId="165" fontId="4" fillId="0" borderId="7" xfId="1" applyNumberFormat="1"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165" fontId="4" fillId="0" borderId="8" xfId="1" applyNumberFormat="1" applyFont="1" applyFill="1" applyBorder="1" applyAlignment="1">
      <alignment horizontal="center" vertical="center"/>
    </xf>
    <xf numFmtId="165" fontId="4" fillId="0" borderId="0" xfId="1" applyNumberFormat="1" applyFont="1" applyFill="1" applyBorder="1" applyAlignment="1">
      <alignment horizontal="center" vertical="center"/>
    </xf>
    <xf numFmtId="165" fontId="5" fillId="0" borderId="11" xfId="5" applyNumberFormat="1" applyFont="1" applyBorder="1" applyAlignment="1">
      <alignment horizontal="center" vertical="center"/>
    </xf>
    <xf numFmtId="165" fontId="5" fillId="0" borderId="6" xfId="5" applyNumberFormat="1" applyFont="1" applyBorder="1" applyAlignment="1">
      <alignment horizontal="center" vertical="center"/>
    </xf>
    <xf numFmtId="165" fontId="4" fillId="0" borderId="3" xfId="5" applyNumberFormat="1" applyFont="1" applyBorder="1" applyAlignment="1">
      <alignment horizontal="center" vertical="center"/>
    </xf>
    <xf numFmtId="0" fontId="5" fillId="2" borderId="4"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0" fontId="5" fillId="2" borderId="12" xfId="1" applyFont="1" applyFill="1" applyBorder="1" applyAlignment="1">
      <alignment horizontal="center" vertical="center"/>
    </xf>
    <xf numFmtId="0" fontId="5" fillId="2" borderId="11" xfId="1" applyFont="1" applyFill="1" applyBorder="1" applyAlignment="1">
      <alignment horizontal="center"/>
    </xf>
    <xf numFmtId="0" fontId="5" fillId="2" borderId="6" xfId="1" applyFont="1" applyFill="1" applyBorder="1" applyAlignment="1">
      <alignment horizontal="center"/>
    </xf>
    <xf numFmtId="0" fontId="4" fillId="0" borderId="0" xfId="0" applyFont="1" applyFill="1" applyBorder="1" applyAlignment="1">
      <alignment horizontal="left" vertical="center" wrapText="1"/>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43" fontId="5" fillId="0" borderId="11" xfId="5" applyFont="1" applyFill="1" applyBorder="1" applyAlignment="1">
      <alignment horizontal="center" vertical="center"/>
    </xf>
    <xf numFmtId="43" fontId="5" fillId="0" borderId="4" xfId="5" applyFont="1" applyFill="1" applyBorder="1" applyAlignment="1">
      <alignment horizontal="center" vertical="center"/>
    </xf>
    <xf numFmtId="43" fontId="5" fillId="0" borderId="6" xfId="5" applyFont="1" applyFill="1" applyBorder="1" applyAlignment="1">
      <alignment horizontal="center" vertical="center"/>
    </xf>
    <xf numFmtId="43" fontId="4" fillId="0" borderId="11" xfId="5" applyFont="1" applyFill="1" applyBorder="1" applyAlignment="1">
      <alignment horizontal="center" vertical="center"/>
    </xf>
    <xf numFmtId="43" fontId="4" fillId="0" borderId="4" xfId="5"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0" fontId="0" fillId="0" borderId="0" xfId="0" applyBorder="1" applyAlignment="1">
      <alignment horizontal="center" vertical="center"/>
    </xf>
    <xf numFmtId="0" fontId="5" fillId="2" borderId="11"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1" xfId="1" applyFont="1" applyFill="1" applyBorder="1" applyAlignment="1">
      <alignment horizontal="center" vertical="center" wrapText="1"/>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43" fontId="4" fillId="0" borderId="3" xfId="5" applyFont="1" applyFill="1" applyBorder="1" applyAlignment="1">
      <alignment horizontal="center" vertical="center"/>
    </xf>
    <xf numFmtId="43" fontId="4" fillId="0" borderId="12" xfId="5" applyFont="1" applyFill="1" applyBorder="1" applyAlignment="1">
      <alignment horizontal="center"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165" fontId="5" fillId="0" borderId="1" xfId="1" applyNumberFormat="1" applyFont="1" applyFill="1" applyBorder="1" applyAlignment="1">
      <alignment horizontal="center" vertical="center"/>
    </xf>
    <xf numFmtId="165" fontId="5" fillId="0" borderId="7" xfId="1" applyNumberFormat="1" applyFont="1" applyFill="1" applyBorder="1" applyAlignment="1">
      <alignment horizontal="center"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0" fontId="0" fillId="0" borderId="5" xfId="0" applyBorder="1" applyAlignment="1">
      <alignment horizontal="center" vertical="center"/>
    </xf>
    <xf numFmtId="0" fontId="0" fillId="0" borderId="4" xfId="0" applyBorder="1" applyAlignment="1">
      <alignment horizontal="center" vertical="center"/>
    </xf>
    <xf numFmtId="0" fontId="4" fillId="0" borderId="7" xfId="1" applyFont="1" applyFill="1" applyBorder="1" applyAlignment="1">
      <alignment horizontal="left" vertical="center"/>
    </xf>
    <xf numFmtId="0" fontId="5" fillId="2" borderId="5" xfId="1" applyFont="1" applyFill="1" applyBorder="1" applyAlignment="1">
      <alignment horizontal="left" vertical="center" wrapText="1"/>
    </xf>
    <xf numFmtId="165" fontId="5" fillId="0" borderId="11" xfId="1" applyNumberFormat="1" applyFont="1" applyFill="1" applyBorder="1" applyAlignment="1">
      <alignment horizontal="center" vertical="center"/>
    </xf>
    <xf numFmtId="165" fontId="5" fillId="0" borderId="4" xfId="1" applyNumberFormat="1" applyFont="1" applyFill="1" applyBorder="1" applyAlignment="1">
      <alignment horizontal="center"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165" fontId="5" fillId="2" borderId="10" xfId="1" applyNumberFormat="1" applyFont="1" applyFill="1" applyBorder="1" applyAlignment="1">
      <alignment horizontal="center" vertical="center"/>
    </xf>
    <xf numFmtId="165" fontId="5" fillId="2" borderId="5" xfId="1" applyNumberFormat="1" applyFont="1" applyFill="1" applyBorder="1" applyAlignment="1">
      <alignment horizontal="center" vertical="center"/>
    </xf>
    <xf numFmtId="0" fontId="5" fillId="0" borderId="0" xfId="1" applyNumberFormat="1" applyFont="1" applyFill="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165" fontId="5" fillId="0" borderId="6" xfId="1" applyNumberFormat="1" applyFont="1" applyFill="1" applyBorder="1" applyAlignment="1">
      <alignment horizontal="center" vertical="center"/>
    </xf>
    <xf numFmtId="165" fontId="4" fillId="0" borderId="12" xfId="1" applyNumberFormat="1" applyFont="1" applyFill="1" applyBorder="1" applyAlignment="1">
      <alignment horizontal="center" vertical="center"/>
    </xf>
    <xf numFmtId="165" fontId="5" fillId="2" borderId="9" xfId="1" applyNumberFormat="1" applyFont="1" applyFill="1" applyBorder="1" applyAlignment="1">
      <alignment horizontal="center" vertical="center"/>
    </xf>
    <xf numFmtId="165" fontId="5" fillId="0" borderId="12" xfId="1" applyNumberFormat="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165" fontId="5" fillId="0" borderId="8" xfId="5" applyNumberFormat="1" applyFont="1" applyBorder="1" applyAlignment="1">
      <alignment horizontal="center" vertical="center"/>
    </xf>
    <xf numFmtId="165" fontId="5" fillId="0" borderId="3" xfId="5" applyNumberFormat="1" applyFont="1" applyBorder="1" applyAlignment="1">
      <alignment horizontal="center" vertical="center"/>
    </xf>
    <xf numFmtId="0" fontId="5" fillId="2" borderId="2" xfId="1" applyFont="1" applyFill="1" applyBorder="1" applyAlignment="1">
      <alignment horizontal="center" vertical="center" wrapText="1"/>
    </xf>
    <xf numFmtId="0" fontId="5" fillId="2" borderId="2" xfId="1" applyFont="1" applyFill="1" applyBorder="1" applyAlignment="1">
      <alignment horizontal="center" vertical="center"/>
    </xf>
    <xf numFmtId="0" fontId="5" fillId="2" borderId="13" xfId="1" applyFont="1" applyFill="1" applyBorder="1" applyAlignment="1">
      <alignment horizontal="center" vertical="center"/>
    </xf>
    <xf numFmtId="0" fontId="5" fillId="0" borderId="0" xfId="1" applyNumberFormat="1" applyFont="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0" fontId="4" fillId="0" borderId="8" xfId="1" applyFont="1" applyBorder="1" applyAlignment="1">
      <alignment horizontal="center" vertical="center"/>
    </xf>
    <xf numFmtId="0" fontId="4" fillId="0" borderId="0" xfId="1" applyFont="1" applyBorder="1" applyAlignment="1">
      <alignment horizontal="center" vertical="center"/>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5" fillId="2" borderId="7" xfId="1" applyFont="1" applyFill="1" applyBorder="1" applyAlignment="1">
      <alignment horizontal="center" vertical="top"/>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0" fontId="5" fillId="2" borderId="5" xfId="1" applyFont="1" applyFill="1" applyBorder="1" applyAlignment="1">
      <alignment vertical="center"/>
    </xf>
    <xf numFmtId="0" fontId="5" fillId="2" borderId="1" xfId="1" applyFont="1" applyFill="1" applyBorder="1" applyAlignment="1">
      <alignment horizontal="center" vertical="top" wrapText="1"/>
    </xf>
    <xf numFmtId="0" fontId="5" fillId="2" borderId="7" xfId="1" applyFont="1" applyFill="1" applyBorder="1" applyAlignment="1">
      <alignment horizontal="center" vertical="top" wrapText="1"/>
    </xf>
    <xf numFmtId="0" fontId="5" fillId="2" borderId="4" xfId="1" applyFont="1" applyFill="1" applyBorder="1" applyAlignment="1">
      <alignment horizontal="center"/>
    </xf>
    <xf numFmtId="0" fontId="5" fillId="2" borderId="9" xfId="1" applyFont="1" applyFill="1" applyBorder="1" applyAlignment="1">
      <alignment horizontal="left" vertical="center" wrapText="1"/>
    </xf>
    <xf numFmtId="43" fontId="4" fillId="0" borderId="5" xfId="1" applyNumberFormat="1" applyFont="1" applyFill="1" applyBorder="1" applyAlignment="1">
      <alignment vertical="center"/>
    </xf>
    <xf numFmtId="165" fontId="5" fillId="0" borderId="0" xfId="1" applyNumberFormat="1" applyFont="1" applyFill="1" applyBorder="1" applyAlignment="1">
      <alignment horizontal="center" vertical="center"/>
    </xf>
    <xf numFmtId="165" fontId="4" fillId="0" borderId="11" xfId="1" applyNumberFormat="1" applyFont="1" applyFill="1" applyBorder="1" applyAlignment="1">
      <alignment horizontal="center" vertical="center"/>
    </xf>
    <xf numFmtId="165" fontId="4" fillId="0" borderId="4" xfId="1" applyNumberFormat="1" applyFont="1" applyFill="1" applyBorder="1" applyAlignment="1">
      <alignment horizontal="center"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165" fontId="4" fillId="0" borderId="1" xfId="0" applyNumberFormat="1" applyFont="1" applyFill="1" applyBorder="1" applyAlignment="1">
      <alignment horizontal="left" vertical="center"/>
    </xf>
    <xf numFmtId="165" fontId="4" fillId="0" borderId="7" xfId="0" applyNumberFormat="1" applyFont="1" applyFill="1" applyBorder="1" applyAlignment="1">
      <alignment horizontal="left" vertical="center"/>
    </xf>
    <xf numFmtId="165" fontId="4" fillId="0" borderId="12" xfId="0" applyNumberFormat="1" applyFont="1" applyFill="1" applyBorder="1" applyAlignment="1">
      <alignment horizontal="left" vertical="center"/>
    </xf>
    <xf numFmtId="165" fontId="5" fillId="0" borderId="11" xfId="0" applyNumberFormat="1" applyFont="1" applyFill="1" applyBorder="1" applyAlignment="1">
      <alignment horizontal="left" vertical="center"/>
    </xf>
    <xf numFmtId="165" fontId="5" fillId="0" borderId="4" xfId="0" applyNumberFormat="1" applyFont="1" applyFill="1" applyBorder="1" applyAlignment="1">
      <alignment horizontal="left" vertical="center"/>
    </xf>
    <xf numFmtId="165" fontId="5" fillId="0" borderId="6" xfId="0" applyNumberFormat="1" applyFont="1" applyFill="1" applyBorder="1" applyAlignment="1">
      <alignment horizontal="left" vertical="center"/>
    </xf>
    <xf numFmtId="165" fontId="4" fillId="0" borderId="8" xfId="0" applyNumberFormat="1" applyFont="1" applyFill="1" applyBorder="1" applyAlignment="1">
      <alignment horizontal="left" vertical="center"/>
    </xf>
    <xf numFmtId="165" fontId="4" fillId="0" borderId="0" xfId="0" applyNumberFormat="1" applyFont="1" applyFill="1" applyAlignment="1">
      <alignment horizontal="left" vertical="center"/>
    </xf>
    <xf numFmtId="165" fontId="4" fillId="0" borderId="3" xfId="0" applyNumberFormat="1" applyFont="1" applyFill="1" applyBorder="1" applyAlignment="1">
      <alignment horizontal="left" vertical="center"/>
    </xf>
    <xf numFmtId="165" fontId="4" fillId="0" borderId="0" xfId="0" applyNumberFormat="1" applyFont="1" applyFill="1" applyBorder="1" applyAlignment="1">
      <alignment horizontal="left" vertical="center"/>
    </xf>
    <xf numFmtId="165" fontId="4" fillId="0" borderId="11" xfId="0" applyNumberFormat="1" applyFont="1" applyFill="1" applyBorder="1" applyAlignment="1">
      <alignment horizontal="left" vertical="center"/>
    </xf>
    <xf numFmtId="165" fontId="4" fillId="0" borderId="4" xfId="0" applyNumberFormat="1" applyFont="1" applyFill="1" applyBorder="1" applyAlignment="1">
      <alignment horizontal="left" vertical="center"/>
    </xf>
    <xf numFmtId="165" fontId="4" fillId="0" borderId="6" xfId="0" applyNumberFormat="1" applyFont="1" applyFill="1" applyBorder="1" applyAlignment="1">
      <alignment horizontal="left" vertical="center"/>
    </xf>
    <xf numFmtId="165" fontId="5" fillId="2" borderId="10" xfId="0" applyNumberFormat="1" applyFont="1" applyFill="1" applyBorder="1" applyAlignment="1">
      <alignment horizontal="left" vertical="center"/>
    </xf>
    <xf numFmtId="165" fontId="5" fillId="2" borderId="5" xfId="0" applyNumberFormat="1" applyFont="1" applyFill="1" applyBorder="1" applyAlignment="1">
      <alignment horizontal="left" vertical="center"/>
    </xf>
    <xf numFmtId="165" fontId="5" fillId="2" borderId="9" xfId="0" applyNumberFormat="1" applyFont="1" applyFill="1" applyBorder="1" applyAlignment="1">
      <alignment horizontal="left" vertical="center"/>
    </xf>
    <xf numFmtId="169"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5" fontId="4" fillId="0" borderId="1" xfId="0" applyNumberFormat="1" applyFont="1" applyFill="1" applyBorder="1" applyAlignment="1">
      <alignment horizontal="center" vertical="center"/>
    </xf>
    <xf numFmtId="165" fontId="4" fillId="0" borderId="12"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xf>
    <xf numFmtId="165" fontId="4" fillId="0" borderId="4"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165" fontId="4" fillId="0" borderId="10" xfId="0" applyNumberFormat="1" applyFont="1" applyFill="1" applyBorder="1" applyAlignment="1">
      <alignment horizontal="center" vertical="center"/>
    </xf>
    <xf numFmtId="165" fontId="4" fillId="0" borderId="5" xfId="0" applyNumberFormat="1" applyFont="1" applyFill="1" applyBorder="1" applyAlignment="1">
      <alignment horizontal="center" vertical="center"/>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165" fontId="4" fillId="0" borderId="11" xfId="0" applyNumberFormat="1" applyFont="1" applyFill="1" applyBorder="1" applyAlignment="1">
      <alignment horizontal="center" vertical="center" wrapText="1"/>
    </xf>
    <xf numFmtId="165" fontId="4" fillId="0" borderId="4" xfId="0" applyNumberFormat="1" applyFont="1" applyFill="1" applyBorder="1" applyAlignment="1">
      <alignment horizontal="center" vertical="center" wrapText="1"/>
    </xf>
    <xf numFmtId="165" fontId="4" fillId="0" borderId="6" xfId="0" applyNumberFormat="1" applyFont="1" applyFill="1" applyBorder="1" applyAlignment="1">
      <alignment horizontal="center" vertical="center"/>
    </xf>
    <xf numFmtId="43" fontId="5" fillId="0" borderId="10" xfId="5" applyFont="1" applyFill="1" applyBorder="1" applyAlignment="1">
      <alignment horizontal="center" vertical="center"/>
    </xf>
    <xf numFmtId="43" fontId="5" fillId="0" borderId="5" xfId="5" applyFont="1" applyFill="1" applyBorder="1" applyAlignment="1">
      <alignment horizontal="center" vertical="center"/>
    </xf>
    <xf numFmtId="165" fontId="5" fillId="0" borderId="11" xfId="0" applyNumberFormat="1" applyFont="1" applyFill="1" applyBorder="1" applyAlignment="1">
      <alignment horizontal="center" vertical="center"/>
    </xf>
    <xf numFmtId="165" fontId="5" fillId="0" borderId="4"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331449</xdr:colOff>
      <xdr:row>105</xdr:row>
      <xdr:rowOff>0</xdr:rowOff>
    </xdr:from>
    <xdr:to>
      <xdr:col>0</xdr:col>
      <xdr:colOff>2581275</xdr:colOff>
      <xdr:row>109</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105</xdr:row>
      <xdr:rowOff>0</xdr:rowOff>
    </xdr:from>
    <xdr:to>
      <xdr:col>3</xdr:col>
      <xdr:colOff>304800</xdr:colOff>
      <xdr:row>109</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105</xdr:row>
      <xdr:rowOff>0</xdr:rowOff>
    </xdr:from>
    <xdr:to>
      <xdr:col>6</xdr:col>
      <xdr:colOff>1095375</xdr:colOff>
      <xdr:row>109</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346161</xdr:colOff>
      <xdr:row>191</xdr:row>
      <xdr:rowOff>0</xdr:rowOff>
    </xdr:from>
    <xdr:to>
      <xdr:col>3</xdr:col>
      <xdr:colOff>405891</xdr:colOff>
      <xdr:row>195</xdr:row>
      <xdr:rowOff>22225</xdr:rowOff>
    </xdr:to>
    <xdr:sp macro="" textlink="">
      <xdr:nvSpPr>
        <xdr:cNvPr id="8" name="CaixaDeTexto 7"/>
        <xdr:cNvSpPr txBox="1"/>
      </xdr:nvSpPr>
      <xdr:spPr>
        <a:xfrm>
          <a:off x="5727786" y="29027438"/>
          <a:ext cx="2667199" cy="5461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03071</xdr:colOff>
      <xdr:row>191</xdr:row>
      <xdr:rowOff>0</xdr:rowOff>
    </xdr:from>
    <xdr:to>
      <xdr:col>7</xdr:col>
      <xdr:colOff>950535</xdr:colOff>
      <xdr:row>195</xdr:row>
      <xdr:rowOff>62764</xdr:rowOff>
    </xdr:to>
    <xdr:sp macro="" textlink="">
      <xdr:nvSpPr>
        <xdr:cNvPr id="9" name="CaixaDeTexto 8"/>
        <xdr:cNvSpPr txBox="1"/>
      </xdr:nvSpPr>
      <xdr:spPr>
        <a:xfrm>
          <a:off x="10337571" y="29027438"/>
          <a:ext cx="3424089" cy="5866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531473</xdr:colOff>
      <xdr:row>132</xdr:row>
      <xdr:rowOff>0</xdr:rowOff>
    </xdr:from>
    <xdr:to>
      <xdr:col>0</xdr:col>
      <xdr:colOff>2924175</xdr:colOff>
      <xdr:row>136</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774279</xdr:colOff>
      <xdr:row>132</xdr:row>
      <xdr:rowOff>0</xdr:rowOff>
    </xdr:from>
    <xdr:to>
      <xdr:col>3</xdr:col>
      <xdr:colOff>825764</xdr:colOff>
      <xdr:row>136</xdr:row>
      <xdr:rowOff>22225</xdr:rowOff>
    </xdr:to>
    <xdr:sp macro="" textlink="">
      <xdr:nvSpPr>
        <xdr:cNvPr id="7" name="CaixaDeTexto 6"/>
        <xdr:cNvSpPr txBox="1"/>
      </xdr:nvSpPr>
      <xdr:spPr>
        <a:xfrm>
          <a:off x="4982774" y="22879439"/>
          <a:ext cx="2617403"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156373</xdr:colOff>
      <xdr:row>132</xdr:row>
      <xdr:rowOff>0</xdr:rowOff>
    </xdr:from>
    <xdr:to>
      <xdr:col>7</xdr:col>
      <xdr:colOff>728562</xdr:colOff>
      <xdr:row>136</xdr:row>
      <xdr:rowOff>62764</xdr:rowOff>
    </xdr:to>
    <xdr:sp macro="" textlink="">
      <xdr:nvSpPr>
        <xdr:cNvPr id="8" name="CaixaDeTexto 7"/>
        <xdr:cNvSpPr txBox="1"/>
      </xdr:nvSpPr>
      <xdr:spPr>
        <a:xfrm>
          <a:off x="9194307" y="22879439"/>
          <a:ext cx="3187801" cy="64592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7</xdr:row>
      <xdr:rowOff>0</xdr:rowOff>
    </xdr:from>
    <xdr:to>
      <xdr:col>0</xdr:col>
      <xdr:colOff>2585355</xdr:colOff>
      <xdr:row>111</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328623</xdr:colOff>
      <xdr:row>107</xdr:row>
      <xdr:rowOff>0</xdr:rowOff>
    </xdr:from>
    <xdr:to>
      <xdr:col>4</xdr:col>
      <xdr:colOff>1014950</xdr:colOff>
      <xdr:row>111</xdr:row>
      <xdr:rowOff>62764</xdr:rowOff>
    </xdr:to>
    <xdr:sp macro="" textlink="">
      <xdr:nvSpPr>
        <xdr:cNvPr id="8" name="CaixaDeTexto 7"/>
        <xdr:cNvSpPr txBox="1"/>
      </xdr:nvSpPr>
      <xdr:spPr>
        <a:xfrm>
          <a:off x="774859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177612</xdr:colOff>
      <xdr:row>107</xdr:row>
      <xdr:rowOff>19050</xdr:rowOff>
    </xdr:from>
    <xdr:to>
      <xdr:col>1</xdr:col>
      <xdr:colOff>619122</xdr:colOff>
      <xdr:row>111</xdr:row>
      <xdr:rowOff>41275</xdr:rowOff>
    </xdr:to>
    <xdr:sp macro="" textlink="">
      <xdr:nvSpPr>
        <xdr:cNvPr id="9" name="CaixaDeTexto 8"/>
        <xdr:cNvSpPr txBox="1"/>
      </xdr:nvSpPr>
      <xdr:spPr>
        <a:xfrm>
          <a:off x="4177612" y="15649575"/>
          <a:ext cx="26137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98</xdr:row>
      <xdr:rowOff>0</xdr:rowOff>
    </xdr:from>
    <xdr:to>
      <xdr:col>1</xdr:col>
      <xdr:colOff>674759</xdr:colOff>
      <xdr:row>202</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98</xdr:row>
      <xdr:rowOff>0</xdr:rowOff>
    </xdr:from>
    <xdr:to>
      <xdr:col>6</xdr:col>
      <xdr:colOff>152400</xdr:colOff>
      <xdr:row>202</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98</xdr:row>
      <xdr:rowOff>0</xdr:rowOff>
    </xdr:from>
    <xdr:to>
      <xdr:col>11</xdr:col>
      <xdr:colOff>541421</xdr:colOff>
      <xdr:row>202</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98098</xdr:colOff>
      <xdr:row>54</xdr:row>
      <xdr:rowOff>0</xdr:rowOff>
    </xdr:from>
    <xdr:to>
      <xdr:col>0</xdr:col>
      <xdr:colOff>2667000</xdr:colOff>
      <xdr:row>58</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924300</xdr:colOff>
      <xdr:row>54</xdr:row>
      <xdr:rowOff>0</xdr:rowOff>
    </xdr:from>
    <xdr:to>
      <xdr:col>3</xdr:col>
      <xdr:colOff>186640</xdr:colOff>
      <xdr:row>58</xdr:row>
      <xdr:rowOff>22225</xdr:rowOff>
    </xdr:to>
    <xdr:sp macro="" textlink="">
      <xdr:nvSpPr>
        <xdr:cNvPr id="8" name="CaixaDeTexto 7"/>
        <xdr:cNvSpPr txBox="1"/>
      </xdr:nvSpPr>
      <xdr:spPr>
        <a:xfrm>
          <a:off x="3924300" y="8315325"/>
          <a:ext cx="281554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1133475</xdr:colOff>
      <xdr:row>54</xdr:row>
      <xdr:rowOff>0</xdr:rowOff>
    </xdr:from>
    <xdr:to>
      <xdr:col>6</xdr:col>
      <xdr:colOff>970046</xdr:colOff>
      <xdr:row>58</xdr:row>
      <xdr:rowOff>62764</xdr:rowOff>
    </xdr:to>
    <xdr:sp macro="" textlink="">
      <xdr:nvSpPr>
        <xdr:cNvPr id="9" name="CaixaDeTexto 8"/>
        <xdr:cNvSpPr txBox="1"/>
      </xdr:nvSpPr>
      <xdr:spPr>
        <a:xfrm>
          <a:off x="7686675" y="8315325"/>
          <a:ext cx="367514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10" Type="http://schemas.openxmlformats.org/officeDocument/2006/relationships/drawing" Target="../drawings/drawing1.xml"/><Relationship Id="rId4" Type="http://schemas.openxmlformats.org/officeDocument/2006/relationships/printerSettings" Target="../printerSettings/printerSettings4.bin"/><Relationship Id="rId9" Type="http://schemas.openxmlformats.org/officeDocument/2006/relationships/printerSettings" Target="../printerSettings/printerSettings9.bin"/></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86.bin"/><Relationship Id="rId3" Type="http://schemas.openxmlformats.org/officeDocument/2006/relationships/printerSettings" Target="../printerSettings/printerSettings81.bin"/><Relationship Id="rId7" Type="http://schemas.openxmlformats.org/officeDocument/2006/relationships/printerSettings" Target="../printerSettings/printerSettings85.bin"/><Relationship Id="rId2" Type="http://schemas.openxmlformats.org/officeDocument/2006/relationships/printerSettings" Target="../printerSettings/printerSettings80.bin"/><Relationship Id="rId1" Type="http://schemas.openxmlformats.org/officeDocument/2006/relationships/printerSettings" Target="../printerSettings/printerSettings79.bin"/><Relationship Id="rId6" Type="http://schemas.openxmlformats.org/officeDocument/2006/relationships/printerSettings" Target="../printerSettings/printerSettings84.bin"/><Relationship Id="rId5" Type="http://schemas.openxmlformats.org/officeDocument/2006/relationships/printerSettings" Target="../printerSettings/printerSettings83.bin"/><Relationship Id="rId10" Type="http://schemas.openxmlformats.org/officeDocument/2006/relationships/drawing" Target="../drawings/drawing10.xml"/><Relationship Id="rId4" Type="http://schemas.openxmlformats.org/officeDocument/2006/relationships/printerSettings" Target="../printerSettings/printerSettings82.bin"/><Relationship Id="rId9" Type="http://schemas.openxmlformats.org/officeDocument/2006/relationships/printerSettings" Target="../printerSettings/printerSettings87.bin"/></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95.bin"/><Relationship Id="rId3" Type="http://schemas.openxmlformats.org/officeDocument/2006/relationships/printerSettings" Target="../printerSettings/printerSettings90.bin"/><Relationship Id="rId7" Type="http://schemas.openxmlformats.org/officeDocument/2006/relationships/printerSettings" Target="../printerSettings/printerSettings94.bin"/><Relationship Id="rId2" Type="http://schemas.openxmlformats.org/officeDocument/2006/relationships/printerSettings" Target="../printerSettings/printerSettings89.bin"/><Relationship Id="rId1" Type="http://schemas.openxmlformats.org/officeDocument/2006/relationships/printerSettings" Target="../printerSettings/printerSettings88.bin"/><Relationship Id="rId6" Type="http://schemas.openxmlformats.org/officeDocument/2006/relationships/printerSettings" Target="../printerSettings/printerSettings93.bin"/><Relationship Id="rId5" Type="http://schemas.openxmlformats.org/officeDocument/2006/relationships/printerSettings" Target="../printerSettings/printerSettings92.bin"/><Relationship Id="rId10" Type="http://schemas.openxmlformats.org/officeDocument/2006/relationships/drawing" Target="../drawings/drawing11.xml"/><Relationship Id="rId4" Type="http://schemas.openxmlformats.org/officeDocument/2006/relationships/printerSettings" Target="../printerSettings/printerSettings91.bin"/><Relationship Id="rId9" Type="http://schemas.openxmlformats.org/officeDocument/2006/relationships/printerSettings" Target="../printerSettings/printerSettings96.bin"/></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104.bin"/><Relationship Id="rId3" Type="http://schemas.openxmlformats.org/officeDocument/2006/relationships/printerSettings" Target="../printerSettings/printerSettings99.bin"/><Relationship Id="rId7" Type="http://schemas.openxmlformats.org/officeDocument/2006/relationships/printerSettings" Target="../printerSettings/printerSettings103.bin"/><Relationship Id="rId2" Type="http://schemas.openxmlformats.org/officeDocument/2006/relationships/printerSettings" Target="../printerSettings/printerSettings98.bin"/><Relationship Id="rId1" Type="http://schemas.openxmlformats.org/officeDocument/2006/relationships/printerSettings" Target="../printerSettings/printerSettings97.bin"/><Relationship Id="rId6" Type="http://schemas.openxmlformats.org/officeDocument/2006/relationships/printerSettings" Target="../printerSettings/printerSettings102.bin"/><Relationship Id="rId5" Type="http://schemas.openxmlformats.org/officeDocument/2006/relationships/printerSettings" Target="../printerSettings/printerSettings101.bin"/><Relationship Id="rId10" Type="http://schemas.openxmlformats.org/officeDocument/2006/relationships/drawing" Target="../drawings/drawing12.xml"/><Relationship Id="rId4" Type="http://schemas.openxmlformats.org/officeDocument/2006/relationships/printerSettings" Target="../printerSettings/printerSettings100.bin"/><Relationship Id="rId9" Type="http://schemas.openxmlformats.org/officeDocument/2006/relationships/printerSettings" Target="../printerSettings/printerSettings105.bin"/></Relationships>
</file>

<file path=xl/worksheets/_rels/sheet13.xml.rels><?xml version="1.0" encoding="UTF-8" standalone="yes"?>
<Relationships xmlns="http://schemas.openxmlformats.org/package/2006/relationships"><Relationship Id="rId8" Type="http://schemas.openxmlformats.org/officeDocument/2006/relationships/printerSettings" Target="../printerSettings/printerSettings113.bin"/><Relationship Id="rId3" Type="http://schemas.openxmlformats.org/officeDocument/2006/relationships/printerSettings" Target="../printerSettings/printerSettings108.bin"/><Relationship Id="rId7" Type="http://schemas.openxmlformats.org/officeDocument/2006/relationships/printerSettings" Target="../printerSettings/printerSettings112.bin"/><Relationship Id="rId2" Type="http://schemas.openxmlformats.org/officeDocument/2006/relationships/printerSettings" Target="../printerSettings/printerSettings107.bin"/><Relationship Id="rId1" Type="http://schemas.openxmlformats.org/officeDocument/2006/relationships/printerSettings" Target="../printerSettings/printerSettings106.bin"/><Relationship Id="rId6" Type="http://schemas.openxmlformats.org/officeDocument/2006/relationships/printerSettings" Target="../printerSettings/printerSettings111.bin"/><Relationship Id="rId5" Type="http://schemas.openxmlformats.org/officeDocument/2006/relationships/printerSettings" Target="../printerSettings/printerSettings110.bin"/><Relationship Id="rId4" Type="http://schemas.openxmlformats.org/officeDocument/2006/relationships/printerSettings" Target="../printerSettings/printerSettings109.bin"/><Relationship Id="rId9" Type="http://schemas.openxmlformats.org/officeDocument/2006/relationships/drawing" Target="../drawings/drawing13.xml"/></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21.bin"/><Relationship Id="rId3" Type="http://schemas.openxmlformats.org/officeDocument/2006/relationships/printerSettings" Target="../printerSettings/printerSettings116.bin"/><Relationship Id="rId7" Type="http://schemas.openxmlformats.org/officeDocument/2006/relationships/printerSettings" Target="../printerSettings/printerSettings120.bin"/><Relationship Id="rId2" Type="http://schemas.openxmlformats.org/officeDocument/2006/relationships/printerSettings" Target="../printerSettings/printerSettings115.bin"/><Relationship Id="rId1" Type="http://schemas.openxmlformats.org/officeDocument/2006/relationships/printerSettings" Target="../printerSettings/printerSettings114.bin"/><Relationship Id="rId6" Type="http://schemas.openxmlformats.org/officeDocument/2006/relationships/printerSettings" Target="../printerSettings/printerSettings119.bin"/><Relationship Id="rId5" Type="http://schemas.openxmlformats.org/officeDocument/2006/relationships/printerSettings" Target="../printerSettings/printerSettings118.bin"/><Relationship Id="rId10" Type="http://schemas.openxmlformats.org/officeDocument/2006/relationships/drawing" Target="../drawings/drawing14.xml"/><Relationship Id="rId4" Type="http://schemas.openxmlformats.org/officeDocument/2006/relationships/printerSettings" Target="../printerSettings/printerSettings117.bin"/><Relationship Id="rId9" Type="http://schemas.openxmlformats.org/officeDocument/2006/relationships/printerSettings" Target="../printerSettings/printerSettings122.bin"/></Relationships>
</file>

<file path=xl/worksheets/_rels/sheet2.xml.rels><?xml version="1.0" encoding="UTF-8" standalone="yes"?>
<Relationships xmlns="http://schemas.openxmlformats.org/package/2006/relationships"><Relationship Id="rId8" Type="http://schemas.openxmlformats.org/officeDocument/2006/relationships/drawing" Target="../drawings/drawing2.xml"/><Relationship Id="rId3" Type="http://schemas.openxmlformats.org/officeDocument/2006/relationships/printerSettings" Target="../printerSettings/printerSettings12.bin"/><Relationship Id="rId7" Type="http://schemas.openxmlformats.org/officeDocument/2006/relationships/printerSettings" Target="../printerSettings/printerSettings16.bin"/><Relationship Id="rId2" Type="http://schemas.openxmlformats.org/officeDocument/2006/relationships/printerSettings" Target="../printerSettings/printerSettings11.bin"/><Relationship Id="rId1" Type="http://schemas.openxmlformats.org/officeDocument/2006/relationships/printerSettings" Target="../printerSettings/printerSettings10.bin"/><Relationship Id="rId6" Type="http://schemas.openxmlformats.org/officeDocument/2006/relationships/printerSettings" Target="../printerSettings/printerSettings15.bin"/><Relationship Id="rId5" Type="http://schemas.openxmlformats.org/officeDocument/2006/relationships/printerSettings" Target="../printerSettings/printerSettings14.bin"/><Relationship Id="rId4" Type="http://schemas.openxmlformats.org/officeDocument/2006/relationships/printerSettings" Target="../printerSettings/printerSettings13.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4.bin"/><Relationship Id="rId3" Type="http://schemas.openxmlformats.org/officeDocument/2006/relationships/printerSettings" Target="../printerSettings/printerSettings19.bin"/><Relationship Id="rId7" Type="http://schemas.openxmlformats.org/officeDocument/2006/relationships/printerSettings" Target="../printerSettings/printerSettings23.bin"/><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 Id="rId6" Type="http://schemas.openxmlformats.org/officeDocument/2006/relationships/printerSettings" Target="../printerSettings/printerSettings22.bin"/><Relationship Id="rId5" Type="http://schemas.openxmlformats.org/officeDocument/2006/relationships/printerSettings" Target="../printerSettings/printerSettings21.bin"/><Relationship Id="rId10" Type="http://schemas.openxmlformats.org/officeDocument/2006/relationships/drawing" Target="../drawings/drawing3.xml"/><Relationship Id="rId4" Type="http://schemas.openxmlformats.org/officeDocument/2006/relationships/printerSettings" Target="../printerSettings/printerSettings20.bin"/><Relationship Id="rId9" Type="http://schemas.openxmlformats.org/officeDocument/2006/relationships/printerSettings" Target="../printerSettings/printerSettings25.bin"/></Relationships>
</file>

<file path=xl/worksheets/_rels/sheet4.xml.rels><?xml version="1.0" encoding="UTF-8" standalone="yes"?>
<Relationships xmlns="http://schemas.openxmlformats.org/package/2006/relationships"><Relationship Id="rId8" Type="http://schemas.openxmlformats.org/officeDocument/2006/relationships/printerSettings" Target="../printerSettings/printerSettings33.bin"/><Relationship Id="rId3" Type="http://schemas.openxmlformats.org/officeDocument/2006/relationships/printerSettings" Target="../printerSettings/printerSettings28.bin"/><Relationship Id="rId7" Type="http://schemas.openxmlformats.org/officeDocument/2006/relationships/printerSettings" Target="../printerSettings/printerSettings32.bin"/><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 Id="rId6" Type="http://schemas.openxmlformats.org/officeDocument/2006/relationships/printerSettings" Target="../printerSettings/printerSettings31.bin"/><Relationship Id="rId5" Type="http://schemas.openxmlformats.org/officeDocument/2006/relationships/printerSettings" Target="../printerSettings/printerSettings30.bin"/><Relationship Id="rId4" Type="http://schemas.openxmlformats.org/officeDocument/2006/relationships/printerSettings" Target="../printerSettings/printerSettings29.bin"/><Relationship Id="rId9"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41.bin"/><Relationship Id="rId3" Type="http://schemas.openxmlformats.org/officeDocument/2006/relationships/printerSettings" Target="../printerSettings/printerSettings36.bin"/><Relationship Id="rId7" Type="http://schemas.openxmlformats.org/officeDocument/2006/relationships/printerSettings" Target="../printerSettings/printerSettings40.bin"/><Relationship Id="rId2" Type="http://schemas.openxmlformats.org/officeDocument/2006/relationships/printerSettings" Target="../printerSettings/printerSettings35.bin"/><Relationship Id="rId1" Type="http://schemas.openxmlformats.org/officeDocument/2006/relationships/printerSettings" Target="../printerSettings/printerSettings34.bin"/><Relationship Id="rId6" Type="http://schemas.openxmlformats.org/officeDocument/2006/relationships/printerSettings" Target="../printerSettings/printerSettings39.bin"/><Relationship Id="rId5" Type="http://schemas.openxmlformats.org/officeDocument/2006/relationships/printerSettings" Target="../printerSettings/printerSettings38.bin"/><Relationship Id="rId10" Type="http://schemas.openxmlformats.org/officeDocument/2006/relationships/drawing" Target="../drawings/drawing5.xml"/><Relationship Id="rId4" Type="http://schemas.openxmlformats.org/officeDocument/2006/relationships/printerSettings" Target="../printerSettings/printerSettings37.bin"/><Relationship Id="rId9" Type="http://schemas.openxmlformats.org/officeDocument/2006/relationships/printerSettings" Target="../printerSettings/printerSettings42.bin"/></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50.bin"/><Relationship Id="rId3" Type="http://schemas.openxmlformats.org/officeDocument/2006/relationships/printerSettings" Target="../printerSettings/printerSettings45.bin"/><Relationship Id="rId7" Type="http://schemas.openxmlformats.org/officeDocument/2006/relationships/printerSettings" Target="../printerSettings/printerSettings49.bin"/><Relationship Id="rId2" Type="http://schemas.openxmlformats.org/officeDocument/2006/relationships/printerSettings" Target="../printerSettings/printerSettings44.bin"/><Relationship Id="rId1" Type="http://schemas.openxmlformats.org/officeDocument/2006/relationships/printerSettings" Target="../printerSettings/printerSettings43.bin"/><Relationship Id="rId6" Type="http://schemas.openxmlformats.org/officeDocument/2006/relationships/printerSettings" Target="../printerSettings/printerSettings48.bin"/><Relationship Id="rId5" Type="http://schemas.openxmlformats.org/officeDocument/2006/relationships/printerSettings" Target="../printerSettings/printerSettings47.bin"/><Relationship Id="rId10" Type="http://schemas.openxmlformats.org/officeDocument/2006/relationships/drawing" Target="../drawings/drawing6.xml"/><Relationship Id="rId4" Type="http://schemas.openxmlformats.org/officeDocument/2006/relationships/printerSettings" Target="../printerSettings/printerSettings46.bin"/><Relationship Id="rId9" Type="http://schemas.openxmlformats.org/officeDocument/2006/relationships/printerSettings" Target="../printerSettings/printerSettings51.bin"/></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9.bin"/><Relationship Id="rId3" Type="http://schemas.openxmlformats.org/officeDocument/2006/relationships/printerSettings" Target="../printerSettings/printerSettings54.bin"/><Relationship Id="rId7" Type="http://schemas.openxmlformats.org/officeDocument/2006/relationships/printerSettings" Target="../printerSettings/printerSettings58.bin"/><Relationship Id="rId2" Type="http://schemas.openxmlformats.org/officeDocument/2006/relationships/printerSettings" Target="../printerSettings/printerSettings53.bin"/><Relationship Id="rId1" Type="http://schemas.openxmlformats.org/officeDocument/2006/relationships/printerSettings" Target="../printerSettings/printerSettings52.bin"/><Relationship Id="rId6" Type="http://schemas.openxmlformats.org/officeDocument/2006/relationships/printerSettings" Target="../printerSettings/printerSettings57.bin"/><Relationship Id="rId5" Type="http://schemas.openxmlformats.org/officeDocument/2006/relationships/printerSettings" Target="../printerSettings/printerSettings56.bin"/><Relationship Id="rId10" Type="http://schemas.openxmlformats.org/officeDocument/2006/relationships/drawing" Target="../drawings/drawing7.xml"/><Relationship Id="rId4" Type="http://schemas.openxmlformats.org/officeDocument/2006/relationships/printerSettings" Target="../printerSettings/printerSettings55.bin"/><Relationship Id="rId9" Type="http://schemas.openxmlformats.org/officeDocument/2006/relationships/printerSettings" Target="../printerSettings/printerSettings60.bin"/></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8.bin"/><Relationship Id="rId3" Type="http://schemas.openxmlformats.org/officeDocument/2006/relationships/printerSettings" Target="../printerSettings/printerSettings63.bin"/><Relationship Id="rId7" Type="http://schemas.openxmlformats.org/officeDocument/2006/relationships/printerSettings" Target="../printerSettings/printerSettings67.bin"/><Relationship Id="rId2" Type="http://schemas.openxmlformats.org/officeDocument/2006/relationships/printerSettings" Target="../printerSettings/printerSettings62.bin"/><Relationship Id="rId1" Type="http://schemas.openxmlformats.org/officeDocument/2006/relationships/printerSettings" Target="../printerSettings/printerSettings61.bin"/><Relationship Id="rId6" Type="http://schemas.openxmlformats.org/officeDocument/2006/relationships/printerSettings" Target="../printerSettings/printerSettings66.bin"/><Relationship Id="rId5" Type="http://schemas.openxmlformats.org/officeDocument/2006/relationships/printerSettings" Target="../printerSettings/printerSettings65.bin"/><Relationship Id="rId10" Type="http://schemas.openxmlformats.org/officeDocument/2006/relationships/drawing" Target="../drawings/drawing8.xml"/><Relationship Id="rId4" Type="http://schemas.openxmlformats.org/officeDocument/2006/relationships/printerSettings" Target="../printerSettings/printerSettings64.bin"/><Relationship Id="rId9" Type="http://schemas.openxmlformats.org/officeDocument/2006/relationships/printerSettings" Target="../printerSettings/printerSettings69.bin"/></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10" Type="http://schemas.openxmlformats.org/officeDocument/2006/relationships/drawing" Target="../drawings/drawing9.xml"/><Relationship Id="rId4" Type="http://schemas.openxmlformats.org/officeDocument/2006/relationships/printerSettings" Target="../printerSettings/printerSettings73.bin"/><Relationship Id="rId9" Type="http://schemas.openxmlformats.org/officeDocument/2006/relationships/printerSettings" Target="../printerSettings/printerSettings7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pageSetUpPr fitToPage="1"/>
  </sheetPr>
  <dimension ref="A1:N127"/>
  <sheetViews>
    <sheetView showGridLines="0" tabSelected="1" zoomScaleNormal="100" workbookViewId="0"/>
  </sheetViews>
  <sheetFormatPr defaultRowHeight="11.25" customHeight="1" x14ac:dyDescent="0.2"/>
  <cols>
    <col min="1" max="1" width="57.42578125" style="45" customWidth="1"/>
    <col min="2" max="4" width="20.140625" style="45" bestFit="1" customWidth="1"/>
    <col min="5" max="7" width="19" style="45" bestFit="1" customWidth="1"/>
    <col min="8" max="8" width="19.28515625" style="45" customWidth="1"/>
    <col min="9" max="9" width="19.5703125" style="45" customWidth="1"/>
    <col min="10" max="10" width="18.7109375" style="45" customWidth="1"/>
    <col min="11" max="11" width="7.85546875" style="45" customWidth="1"/>
    <col min="12" max="12" width="19.5703125" style="45"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407"/>
      <c r="B1" s="291"/>
      <c r="C1" s="291"/>
      <c r="D1" s="291"/>
      <c r="E1" s="291"/>
      <c r="F1" s="291"/>
      <c r="G1" s="291"/>
      <c r="H1" s="291"/>
      <c r="I1" s="291"/>
      <c r="J1" s="291"/>
      <c r="K1" s="291"/>
      <c r="L1" s="291"/>
    </row>
    <row r="2" spans="1:14" s="26" customFormat="1" ht="11.25" customHeight="1" x14ac:dyDescent="0.2">
      <c r="A2" s="291"/>
      <c r="B2" s="291"/>
      <c r="C2" s="291"/>
      <c r="D2" s="291"/>
      <c r="E2" s="291"/>
      <c r="F2" s="291"/>
      <c r="G2" s="291"/>
      <c r="H2" s="291"/>
      <c r="I2" s="291"/>
      <c r="J2" s="291"/>
      <c r="K2" s="291"/>
      <c r="L2" s="291"/>
    </row>
    <row r="3" spans="1:14" ht="11.25" customHeight="1" x14ac:dyDescent="0.2">
      <c r="A3" s="731" t="s">
        <v>637</v>
      </c>
      <c r="B3" s="731"/>
      <c r="C3" s="731"/>
      <c r="D3" s="731"/>
      <c r="E3" s="731"/>
      <c r="F3" s="731"/>
      <c r="G3" s="731"/>
      <c r="H3" s="731"/>
      <c r="I3" s="731"/>
      <c r="J3" s="731"/>
      <c r="K3" s="731"/>
      <c r="L3" s="731"/>
    </row>
    <row r="4" spans="1:14" ht="11.25" customHeight="1" x14ac:dyDescent="0.2">
      <c r="A4" s="731" t="s">
        <v>105</v>
      </c>
      <c r="B4" s="731"/>
      <c r="C4" s="731"/>
      <c r="D4" s="731"/>
      <c r="E4" s="731"/>
      <c r="F4" s="731"/>
      <c r="G4" s="731"/>
      <c r="H4" s="731"/>
      <c r="I4" s="731"/>
      <c r="J4" s="731"/>
      <c r="K4" s="731"/>
      <c r="L4" s="731"/>
    </row>
    <row r="5" spans="1:14" ht="11.25" customHeight="1" x14ac:dyDescent="0.2">
      <c r="A5" s="731" t="s">
        <v>106</v>
      </c>
      <c r="B5" s="731"/>
      <c r="C5" s="731"/>
      <c r="D5" s="731"/>
      <c r="E5" s="731"/>
      <c r="F5" s="731"/>
      <c r="G5" s="731"/>
      <c r="H5" s="731"/>
      <c r="I5" s="731"/>
      <c r="J5" s="731"/>
      <c r="K5" s="731"/>
      <c r="L5" s="731"/>
    </row>
    <row r="6" spans="1:14" ht="11.25" customHeight="1" x14ac:dyDescent="0.2">
      <c r="A6" s="731" t="s">
        <v>107</v>
      </c>
      <c r="B6" s="731"/>
      <c r="C6" s="731"/>
      <c r="D6" s="731"/>
      <c r="E6" s="731"/>
      <c r="F6" s="731"/>
      <c r="G6" s="731"/>
      <c r="H6" s="731"/>
      <c r="I6" s="731"/>
      <c r="J6" s="731"/>
      <c r="K6" s="731"/>
      <c r="L6" s="731"/>
    </row>
    <row r="7" spans="1:14" ht="11.25" customHeight="1" x14ac:dyDescent="0.2">
      <c r="A7" s="731" t="s">
        <v>863</v>
      </c>
      <c r="B7" s="731"/>
      <c r="C7" s="731"/>
      <c r="D7" s="731"/>
      <c r="E7" s="731"/>
      <c r="F7" s="731"/>
      <c r="G7" s="731"/>
      <c r="H7" s="731"/>
      <c r="I7" s="731"/>
      <c r="J7" s="731"/>
      <c r="K7" s="731"/>
      <c r="L7" s="731"/>
    </row>
    <row r="8" spans="1:14" s="26" customFormat="1" ht="11.25" customHeight="1" x14ac:dyDescent="0.2">
      <c r="A8" s="46"/>
      <c r="B8" s="46"/>
      <c r="C8" s="46"/>
      <c r="D8" s="328"/>
      <c r="E8" s="328"/>
      <c r="F8" s="46"/>
      <c r="G8" s="46"/>
      <c r="H8" s="46"/>
      <c r="I8" s="46"/>
      <c r="J8" s="46"/>
      <c r="K8" s="46"/>
    </row>
    <row r="9" spans="1:14" s="26" customFormat="1" ht="11.25" customHeight="1" x14ac:dyDescent="0.2">
      <c r="A9" s="26" t="s">
        <v>357</v>
      </c>
      <c r="B9" s="112"/>
      <c r="D9" s="300"/>
      <c r="E9" s="300"/>
      <c r="H9" s="131"/>
      <c r="I9" s="46"/>
      <c r="J9" s="131"/>
      <c r="L9" s="623">
        <v>1</v>
      </c>
    </row>
    <row r="10" spans="1:14" ht="15" customHeight="1" x14ac:dyDescent="0.2">
      <c r="A10" s="735" t="s">
        <v>852</v>
      </c>
      <c r="B10" s="736" t="s">
        <v>425</v>
      </c>
      <c r="C10" s="744"/>
      <c r="D10" s="736" t="s">
        <v>235</v>
      </c>
      <c r="E10" s="737"/>
      <c r="F10" s="740" t="s">
        <v>109</v>
      </c>
      <c r="G10" s="741"/>
      <c r="H10" s="741"/>
      <c r="I10" s="741"/>
      <c r="J10" s="741"/>
      <c r="K10" s="742"/>
      <c r="L10" s="734" t="s">
        <v>161</v>
      </c>
    </row>
    <row r="11" spans="1:14" ht="15" customHeight="1" x14ac:dyDescent="0.2">
      <c r="A11" s="749"/>
      <c r="B11" s="745"/>
      <c r="C11" s="746"/>
      <c r="D11" s="738"/>
      <c r="E11" s="739"/>
      <c r="F11" s="734" t="s">
        <v>113</v>
      </c>
      <c r="G11" s="735"/>
      <c r="H11" s="47" t="s">
        <v>114</v>
      </c>
      <c r="I11" s="734" t="s">
        <v>115</v>
      </c>
      <c r="J11" s="735"/>
      <c r="K11" s="48" t="s">
        <v>114</v>
      </c>
      <c r="L11" s="743"/>
    </row>
    <row r="12" spans="1:14" ht="15" customHeight="1" x14ac:dyDescent="0.2">
      <c r="A12" s="750"/>
      <c r="B12" s="747"/>
      <c r="C12" s="748"/>
      <c r="D12" s="732" t="s">
        <v>116</v>
      </c>
      <c r="E12" s="733"/>
      <c r="F12" s="732" t="s">
        <v>117</v>
      </c>
      <c r="G12" s="733"/>
      <c r="H12" s="391" t="s">
        <v>118</v>
      </c>
      <c r="I12" s="732" t="s">
        <v>152</v>
      </c>
      <c r="J12" s="733"/>
      <c r="K12" s="392" t="s">
        <v>153</v>
      </c>
      <c r="L12" s="392" t="s">
        <v>154</v>
      </c>
    </row>
    <row r="13" spans="1:14" ht="10.5" x14ac:dyDescent="0.2">
      <c r="A13" s="145" t="s">
        <v>358</v>
      </c>
      <c r="B13" s="700">
        <v>12847593800</v>
      </c>
      <c r="C13" s="701"/>
      <c r="D13" s="700">
        <v>12847594824.629999</v>
      </c>
      <c r="E13" s="701"/>
      <c r="F13" s="700">
        <v>1744554227.3299999</v>
      </c>
      <c r="G13" s="701"/>
      <c r="H13" s="425">
        <v>13.578839083448772</v>
      </c>
      <c r="I13" s="700">
        <v>1744554227.3299999</v>
      </c>
      <c r="J13" s="701"/>
      <c r="K13" s="425">
        <v>13.578839083448772</v>
      </c>
      <c r="L13" s="426">
        <v>11103040597.299999</v>
      </c>
    </row>
    <row r="14" spans="1:14" ht="10.5" x14ac:dyDescent="0.2">
      <c r="A14" s="146" t="s">
        <v>8</v>
      </c>
      <c r="B14" s="698">
        <v>11938933900</v>
      </c>
      <c r="C14" s="699"/>
      <c r="D14" s="698">
        <v>11938933900</v>
      </c>
      <c r="E14" s="699"/>
      <c r="F14" s="698">
        <v>1655336217.6999998</v>
      </c>
      <c r="G14" s="699"/>
      <c r="H14" s="425">
        <v>13.865025399797211</v>
      </c>
      <c r="I14" s="698">
        <v>1655336217.6999998</v>
      </c>
      <c r="J14" s="699"/>
      <c r="K14" s="425">
        <v>13.865025399797211</v>
      </c>
      <c r="L14" s="426">
        <v>10283597682.299999</v>
      </c>
    </row>
    <row r="15" spans="1:14" ht="10.5" x14ac:dyDescent="0.2">
      <c r="A15" s="146" t="s">
        <v>9</v>
      </c>
      <c r="B15" s="686">
        <v>7816598300</v>
      </c>
      <c r="C15" s="687"/>
      <c r="D15" s="686">
        <v>7816598300</v>
      </c>
      <c r="E15" s="687"/>
      <c r="F15" s="686">
        <v>1024967224.3099999</v>
      </c>
      <c r="G15" s="687"/>
      <c r="H15" s="427">
        <v>13.112701778598499</v>
      </c>
      <c r="I15" s="686">
        <v>1024967224.3099999</v>
      </c>
      <c r="J15" s="687"/>
      <c r="K15" s="427">
        <v>13.112701778598499</v>
      </c>
      <c r="L15" s="428">
        <v>6791631075.6899996</v>
      </c>
      <c r="M15" s="28"/>
      <c r="N15" s="56"/>
    </row>
    <row r="16" spans="1:14" ht="10.5" x14ac:dyDescent="0.2">
      <c r="A16" s="29" t="s">
        <v>10</v>
      </c>
      <c r="B16" s="686">
        <v>7543984100</v>
      </c>
      <c r="C16" s="687"/>
      <c r="D16" s="686">
        <v>7543984100</v>
      </c>
      <c r="E16" s="687"/>
      <c r="F16" s="686">
        <v>996224813.28999996</v>
      </c>
      <c r="G16" s="687"/>
      <c r="H16" s="427">
        <v>13.205552929121364</v>
      </c>
      <c r="I16" s="686">
        <v>996224813.28999996</v>
      </c>
      <c r="J16" s="687"/>
      <c r="K16" s="427">
        <v>13.205552929121364</v>
      </c>
      <c r="L16" s="428">
        <v>6547759286.71</v>
      </c>
    </row>
    <row r="17" spans="1:14" ht="10.5" x14ac:dyDescent="0.2">
      <c r="A17" s="29" t="s">
        <v>11</v>
      </c>
      <c r="B17" s="686">
        <v>272614200</v>
      </c>
      <c r="C17" s="687"/>
      <c r="D17" s="686">
        <v>272614200</v>
      </c>
      <c r="E17" s="687"/>
      <c r="F17" s="686">
        <v>28742411.02</v>
      </c>
      <c r="G17" s="687"/>
      <c r="H17" s="427">
        <v>10.543255274303393</v>
      </c>
      <c r="I17" s="686">
        <v>28742411.02</v>
      </c>
      <c r="J17" s="687"/>
      <c r="K17" s="427">
        <v>10.543255274303393</v>
      </c>
      <c r="L17" s="428">
        <v>243871788.97999999</v>
      </c>
    </row>
    <row r="18" spans="1:14" ht="10.5" x14ac:dyDescent="0.2">
      <c r="A18" s="29" t="s">
        <v>12</v>
      </c>
      <c r="B18" s="686">
        <v>0</v>
      </c>
      <c r="C18" s="687"/>
      <c r="D18" s="686">
        <v>0</v>
      </c>
      <c r="E18" s="687"/>
      <c r="F18" s="686">
        <v>0</v>
      </c>
      <c r="G18" s="687"/>
      <c r="H18" s="427">
        <v>0</v>
      </c>
      <c r="I18" s="686">
        <v>0</v>
      </c>
      <c r="J18" s="687"/>
      <c r="K18" s="427">
        <v>0</v>
      </c>
      <c r="L18" s="428">
        <v>0</v>
      </c>
    </row>
    <row r="19" spans="1:14" ht="10.5" x14ac:dyDescent="0.2">
      <c r="A19" s="146" t="s">
        <v>13</v>
      </c>
      <c r="B19" s="686">
        <v>411000000</v>
      </c>
      <c r="C19" s="687"/>
      <c r="D19" s="686">
        <v>411000000</v>
      </c>
      <c r="E19" s="687"/>
      <c r="F19" s="686">
        <v>52060524.5</v>
      </c>
      <c r="G19" s="687"/>
      <c r="H19" s="427">
        <v>12.666794282238442</v>
      </c>
      <c r="I19" s="686">
        <v>52060524.5</v>
      </c>
      <c r="J19" s="687"/>
      <c r="K19" s="427">
        <v>12.666794282238442</v>
      </c>
      <c r="L19" s="428">
        <v>358939475.5</v>
      </c>
      <c r="M19" s="56"/>
      <c r="N19" s="56"/>
    </row>
    <row r="20" spans="1:14" ht="10.5" x14ac:dyDescent="0.2">
      <c r="A20" s="29" t="s">
        <v>14</v>
      </c>
      <c r="B20" s="686">
        <v>411000000</v>
      </c>
      <c r="C20" s="687"/>
      <c r="D20" s="686">
        <v>411000000</v>
      </c>
      <c r="E20" s="687"/>
      <c r="F20" s="686">
        <v>52060524.5</v>
      </c>
      <c r="G20" s="687"/>
      <c r="H20" s="427">
        <v>12.666794282238442</v>
      </c>
      <c r="I20" s="686">
        <v>52060524.5</v>
      </c>
      <c r="J20" s="687"/>
      <c r="K20" s="427">
        <v>12.666794282238442</v>
      </c>
      <c r="L20" s="428">
        <v>358939475.5</v>
      </c>
    </row>
    <row r="21" spans="1:14" ht="10.5" x14ac:dyDescent="0.2">
      <c r="A21" s="29" t="s">
        <v>355</v>
      </c>
      <c r="B21" s="686">
        <v>0</v>
      </c>
      <c r="C21" s="687"/>
      <c r="D21" s="686">
        <v>0</v>
      </c>
      <c r="E21" s="687"/>
      <c r="F21" s="686">
        <v>0</v>
      </c>
      <c r="G21" s="687"/>
      <c r="H21" s="427">
        <v>0</v>
      </c>
      <c r="I21" s="686">
        <v>0</v>
      </c>
      <c r="J21" s="687"/>
      <c r="K21" s="427">
        <v>0</v>
      </c>
      <c r="L21" s="428">
        <v>0</v>
      </c>
    </row>
    <row r="22" spans="1:14" ht="10.5" x14ac:dyDescent="0.2">
      <c r="A22" s="29" t="s">
        <v>356</v>
      </c>
      <c r="B22" s="686">
        <v>0</v>
      </c>
      <c r="C22" s="687"/>
      <c r="D22" s="686">
        <v>0</v>
      </c>
      <c r="E22" s="687"/>
      <c r="F22" s="686">
        <v>0</v>
      </c>
      <c r="G22" s="687"/>
      <c r="H22" s="427">
        <v>0</v>
      </c>
      <c r="I22" s="686">
        <v>0</v>
      </c>
      <c r="J22" s="687"/>
      <c r="K22" s="427">
        <v>0</v>
      </c>
      <c r="L22" s="428">
        <v>0</v>
      </c>
    </row>
    <row r="23" spans="1:14" ht="10.5" x14ac:dyDescent="0.2">
      <c r="A23" s="146" t="s">
        <v>15</v>
      </c>
      <c r="B23" s="686">
        <v>128398100</v>
      </c>
      <c r="C23" s="687"/>
      <c r="D23" s="686">
        <v>128398100</v>
      </c>
      <c r="E23" s="687"/>
      <c r="F23" s="686">
        <v>41026747.609999999</v>
      </c>
      <c r="G23" s="687"/>
      <c r="H23" s="427">
        <v>31.952768467757696</v>
      </c>
      <c r="I23" s="686">
        <v>41026747.609999999</v>
      </c>
      <c r="J23" s="687"/>
      <c r="K23" s="427">
        <v>31.952768467757696</v>
      </c>
      <c r="L23" s="428">
        <v>87371352.390000001</v>
      </c>
    </row>
    <row r="24" spans="1:14" ht="10.5" x14ac:dyDescent="0.2">
      <c r="A24" s="29" t="s">
        <v>16</v>
      </c>
      <c r="B24" s="686">
        <v>1176900</v>
      </c>
      <c r="C24" s="687"/>
      <c r="D24" s="686">
        <v>1176900</v>
      </c>
      <c r="E24" s="687"/>
      <c r="F24" s="686">
        <v>127671.58</v>
      </c>
      <c r="G24" s="687"/>
      <c r="H24" s="427">
        <v>10.848124734471916</v>
      </c>
      <c r="I24" s="686">
        <v>127671.58</v>
      </c>
      <c r="J24" s="687"/>
      <c r="K24" s="427">
        <v>10.848124734471916</v>
      </c>
      <c r="L24" s="428">
        <v>1049228.42</v>
      </c>
    </row>
    <row r="25" spans="1:14" ht="10.5" x14ac:dyDescent="0.2">
      <c r="A25" s="29" t="s">
        <v>17</v>
      </c>
      <c r="B25" s="686">
        <v>84989500</v>
      </c>
      <c r="C25" s="687"/>
      <c r="D25" s="686">
        <v>84989500</v>
      </c>
      <c r="E25" s="687"/>
      <c r="F25" s="686">
        <v>38720908.140000001</v>
      </c>
      <c r="G25" s="687"/>
      <c r="H25" s="427">
        <v>45.559637531695088</v>
      </c>
      <c r="I25" s="686">
        <v>38720908.140000001</v>
      </c>
      <c r="J25" s="687"/>
      <c r="K25" s="427">
        <v>45.559637531695088</v>
      </c>
      <c r="L25" s="428">
        <v>46268591.859999999</v>
      </c>
    </row>
    <row r="26" spans="1:14" ht="10.5" x14ac:dyDescent="0.2">
      <c r="A26" s="29" t="s">
        <v>18</v>
      </c>
      <c r="B26" s="686">
        <v>2614300</v>
      </c>
      <c r="C26" s="687"/>
      <c r="D26" s="686">
        <v>2614300</v>
      </c>
      <c r="E26" s="687"/>
      <c r="F26" s="686">
        <v>110675.31</v>
      </c>
      <c r="G26" s="687"/>
      <c r="H26" s="427">
        <v>4.2334586696247563</v>
      </c>
      <c r="I26" s="686">
        <v>110675.31</v>
      </c>
      <c r="J26" s="687"/>
      <c r="K26" s="427">
        <v>4.2334586696247563</v>
      </c>
      <c r="L26" s="428">
        <v>2503624.69</v>
      </c>
    </row>
    <row r="27" spans="1:14" ht="10.5" x14ac:dyDescent="0.2">
      <c r="A27" s="29" t="s">
        <v>119</v>
      </c>
      <c r="B27" s="686">
        <v>39617400</v>
      </c>
      <c r="C27" s="687"/>
      <c r="D27" s="686">
        <v>39617400</v>
      </c>
      <c r="E27" s="687"/>
      <c r="F27" s="686">
        <v>2067492.58</v>
      </c>
      <c r="G27" s="687"/>
      <c r="H27" s="427">
        <v>5.218647816363517</v>
      </c>
      <c r="I27" s="686">
        <v>2067492.58</v>
      </c>
      <c r="J27" s="687"/>
      <c r="K27" s="427">
        <v>5.218647816363517</v>
      </c>
      <c r="L27" s="428">
        <v>37549907.420000002</v>
      </c>
    </row>
    <row r="28" spans="1:14" ht="21" x14ac:dyDescent="0.2">
      <c r="A28" s="50" t="s">
        <v>368</v>
      </c>
      <c r="B28" s="686">
        <v>0</v>
      </c>
      <c r="C28" s="687"/>
      <c r="D28" s="686">
        <v>0</v>
      </c>
      <c r="E28" s="687"/>
      <c r="F28" s="686">
        <v>0</v>
      </c>
      <c r="G28" s="687"/>
      <c r="H28" s="427">
        <v>0</v>
      </c>
      <c r="I28" s="686">
        <v>0</v>
      </c>
      <c r="J28" s="687"/>
      <c r="K28" s="427">
        <v>0</v>
      </c>
      <c r="L28" s="428">
        <v>0</v>
      </c>
    </row>
    <row r="29" spans="1:14" ht="10.5" x14ac:dyDescent="0.2">
      <c r="A29" s="50" t="s">
        <v>369</v>
      </c>
      <c r="B29" s="686">
        <v>0</v>
      </c>
      <c r="C29" s="687"/>
      <c r="D29" s="686">
        <v>0</v>
      </c>
      <c r="E29" s="687"/>
      <c r="F29" s="686">
        <v>0</v>
      </c>
      <c r="G29" s="687"/>
      <c r="H29" s="427">
        <v>0</v>
      </c>
      <c r="I29" s="686">
        <v>0</v>
      </c>
      <c r="J29" s="687"/>
      <c r="K29" s="427">
        <v>0</v>
      </c>
      <c r="L29" s="428">
        <v>0</v>
      </c>
    </row>
    <row r="30" spans="1:14" ht="10.5" x14ac:dyDescent="0.2">
      <c r="A30" s="29" t="s">
        <v>19</v>
      </c>
      <c r="B30" s="686">
        <v>0</v>
      </c>
      <c r="C30" s="687"/>
      <c r="D30" s="686">
        <v>0</v>
      </c>
      <c r="E30" s="687"/>
      <c r="F30" s="686">
        <v>0</v>
      </c>
      <c r="G30" s="687"/>
      <c r="H30" s="427">
        <v>0</v>
      </c>
      <c r="I30" s="686">
        <v>0</v>
      </c>
      <c r="J30" s="687"/>
      <c r="K30" s="427">
        <v>0</v>
      </c>
      <c r="L30" s="428">
        <v>0</v>
      </c>
    </row>
    <row r="31" spans="1:14" ht="10.5" x14ac:dyDescent="0.2">
      <c r="A31" s="146" t="s">
        <v>20</v>
      </c>
      <c r="B31" s="686">
        <v>0</v>
      </c>
      <c r="C31" s="687"/>
      <c r="D31" s="686">
        <v>0</v>
      </c>
      <c r="E31" s="687"/>
      <c r="F31" s="686">
        <v>0</v>
      </c>
      <c r="G31" s="687"/>
      <c r="H31" s="427">
        <v>0</v>
      </c>
      <c r="I31" s="686">
        <v>0</v>
      </c>
      <c r="J31" s="687"/>
      <c r="K31" s="427">
        <v>0</v>
      </c>
      <c r="L31" s="428">
        <v>0</v>
      </c>
    </row>
    <row r="32" spans="1:14" ht="10.5" x14ac:dyDescent="0.2">
      <c r="A32" s="29" t="s">
        <v>21</v>
      </c>
      <c r="B32" s="686">
        <v>0</v>
      </c>
      <c r="C32" s="687"/>
      <c r="D32" s="686">
        <v>0</v>
      </c>
      <c r="E32" s="687"/>
      <c r="F32" s="686">
        <v>0</v>
      </c>
      <c r="G32" s="687"/>
      <c r="H32" s="427">
        <v>0</v>
      </c>
      <c r="I32" s="686">
        <v>0</v>
      </c>
      <c r="J32" s="687"/>
      <c r="K32" s="427">
        <v>0</v>
      </c>
      <c r="L32" s="428">
        <v>0</v>
      </c>
    </row>
    <row r="33" spans="1:14" ht="10.5" x14ac:dyDescent="0.2">
      <c r="A33" s="29" t="s">
        <v>22</v>
      </c>
      <c r="B33" s="686">
        <v>0</v>
      </c>
      <c r="C33" s="687"/>
      <c r="D33" s="686">
        <v>0</v>
      </c>
      <c r="E33" s="687"/>
      <c r="F33" s="686">
        <v>0</v>
      </c>
      <c r="G33" s="687"/>
      <c r="H33" s="427">
        <v>0</v>
      </c>
      <c r="I33" s="686">
        <v>0</v>
      </c>
      <c r="J33" s="687"/>
      <c r="K33" s="427">
        <v>0</v>
      </c>
      <c r="L33" s="428">
        <v>0</v>
      </c>
    </row>
    <row r="34" spans="1:14" ht="10.5" x14ac:dyDescent="0.2">
      <c r="A34" s="29" t="s">
        <v>23</v>
      </c>
      <c r="B34" s="686">
        <v>0</v>
      </c>
      <c r="C34" s="687"/>
      <c r="D34" s="686">
        <v>0</v>
      </c>
      <c r="E34" s="687"/>
      <c r="F34" s="686">
        <v>0</v>
      </c>
      <c r="G34" s="687"/>
      <c r="H34" s="427">
        <v>0</v>
      </c>
      <c r="I34" s="686">
        <v>0</v>
      </c>
      <c r="J34" s="687"/>
      <c r="K34" s="427">
        <v>0</v>
      </c>
      <c r="L34" s="428">
        <v>0</v>
      </c>
    </row>
    <row r="35" spans="1:14" ht="10.5" x14ac:dyDescent="0.2">
      <c r="A35" s="146" t="s">
        <v>24</v>
      </c>
      <c r="B35" s="686">
        <v>0</v>
      </c>
      <c r="C35" s="687"/>
      <c r="D35" s="686">
        <v>0</v>
      </c>
      <c r="E35" s="687"/>
      <c r="F35" s="686">
        <v>0</v>
      </c>
      <c r="G35" s="687"/>
      <c r="H35" s="427">
        <v>0</v>
      </c>
      <c r="I35" s="686">
        <v>0</v>
      </c>
      <c r="J35" s="687"/>
      <c r="K35" s="427">
        <v>0</v>
      </c>
      <c r="L35" s="428">
        <v>0</v>
      </c>
    </row>
    <row r="36" spans="1:14" ht="10.5" x14ac:dyDescent="0.2">
      <c r="A36" s="29" t="s">
        <v>370</v>
      </c>
      <c r="B36" s="686">
        <v>0</v>
      </c>
      <c r="C36" s="687"/>
      <c r="D36" s="686">
        <v>0</v>
      </c>
      <c r="E36" s="687"/>
      <c r="F36" s="686">
        <v>0</v>
      </c>
      <c r="G36" s="687"/>
      <c r="H36" s="427">
        <v>0</v>
      </c>
      <c r="I36" s="686">
        <v>0</v>
      </c>
      <c r="J36" s="687"/>
      <c r="K36" s="427">
        <v>0</v>
      </c>
      <c r="L36" s="428">
        <v>0</v>
      </c>
    </row>
    <row r="37" spans="1:14" ht="10.5" x14ac:dyDescent="0.2">
      <c r="A37" s="29" t="s">
        <v>25</v>
      </c>
      <c r="B37" s="686">
        <v>0</v>
      </c>
      <c r="C37" s="687"/>
      <c r="D37" s="686">
        <v>0</v>
      </c>
      <c r="E37" s="687"/>
      <c r="F37" s="686">
        <v>0</v>
      </c>
      <c r="G37" s="687"/>
      <c r="H37" s="427">
        <v>0</v>
      </c>
      <c r="I37" s="686">
        <v>0</v>
      </c>
      <c r="J37" s="687"/>
      <c r="K37" s="427">
        <v>0</v>
      </c>
      <c r="L37" s="428">
        <v>0</v>
      </c>
    </row>
    <row r="38" spans="1:14" ht="10.5" x14ac:dyDescent="0.2">
      <c r="A38" s="29" t="s">
        <v>26</v>
      </c>
      <c r="B38" s="686">
        <v>0</v>
      </c>
      <c r="C38" s="687"/>
      <c r="D38" s="686">
        <v>0</v>
      </c>
      <c r="E38" s="687"/>
      <c r="F38" s="686">
        <v>0</v>
      </c>
      <c r="G38" s="687"/>
      <c r="H38" s="427">
        <v>0</v>
      </c>
      <c r="I38" s="686">
        <v>0</v>
      </c>
      <c r="J38" s="687"/>
      <c r="K38" s="427">
        <v>0</v>
      </c>
      <c r="L38" s="428">
        <v>0</v>
      </c>
    </row>
    <row r="39" spans="1:14" ht="10.5" x14ac:dyDescent="0.2">
      <c r="A39" s="51" t="s">
        <v>27</v>
      </c>
      <c r="B39" s="686">
        <v>0</v>
      </c>
      <c r="C39" s="687"/>
      <c r="D39" s="686">
        <v>0</v>
      </c>
      <c r="E39" s="687"/>
      <c r="F39" s="686">
        <v>0</v>
      </c>
      <c r="G39" s="687"/>
      <c r="H39" s="427">
        <v>0</v>
      </c>
      <c r="I39" s="686">
        <v>0</v>
      </c>
      <c r="J39" s="687"/>
      <c r="K39" s="427">
        <v>0</v>
      </c>
      <c r="L39" s="428">
        <v>0</v>
      </c>
    </row>
    <row r="40" spans="1:14" ht="10.5" x14ac:dyDescent="0.2">
      <c r="A40" s="146" t="s">
        <v>28</v>
      </c>
      <c r="B40" s="686">
        <v>530646800</v>
      </c>
      <c r="C40" s="687"/>
      <c r="D40" s="686">
        <v>530646800</v>
      </c>
      <c r="E40" s="687"/>
      <c r="F40" s="686">
        <v>65944694.75</v>
      </c>
      <c r="G40" s="687"/>
      <c r="H40" s="427">
        <v>12.427229326550165</v>
      </c>
      <c r="I40" s="686">
        <v>65944694.75</v>
      </c>
      <c r="J40" s="687"/>
      <c r="K40" s="427">
        <v>12.427229326550165</v>
      </c>
      <c r="L40" s="428">
        <v>464702105.25</v>
      </c>
    </row>
    <row r="41" spans="1:14" ht="10.5" x14ac:dyDescent="0.2">
      <c r="A41" s="146" t="s">
        <v>29</v>
      </c>
      <c r="B41" s="702">
        <v>2843659400</v>
      </c>
      <c r="C41" s="703"/>
      <c r="D41" s="702">
        <v>2843659400</v>
      </c>
      <c r="E41" s="703"/>
      <c r="F41" s="686">
        <v>454098609.91000003</v>
      </c>
      <c r="G41" s="687"/>
      <c r="H41" s="427">
        <v>15.968811521872134</v>
      </c>
      <c r="I41" s="686">
        <v>454098609.91000003</v>
      </c>
      <c r="J41" s="687"/>
      <c r="K41" s="427">
        <v>15.968811521872134</v>
      </c>
      <c r="L41" s="428">
        <v>2389560790.0900002</v>
      </c>
      <c r="M41" s="56"/>
      <c r="N41" s="56"/>
    </row>
    <row r="42" spans="1:14" ht="10.5" x14ac:dyDescent="0.2">
      <c r="A42" s="29" t="s">
        <v>30</v>
      </c>
      <c r="B42" s="702">
        <v>2270031000</v>
      </c>
      <c r="C42" s="703"/>
      <c r="D42" s="702">
        <v>2270031000</v>
      </c>
      <c r="E42" s="703"/>
      <c r="F42" s="686">
        <v>389533668.87</v>
      </c>
      <c r="G42" s="687"/>
      <c r="H42" s="427">
        <v>17.159839177086127</v>
      </c>
      <c r="I42" s="686">
        <v>389533668.87</v>
      </c>
      <c r="J42" s="687"/>
      <c r="K42" s="427">
        <v>17.159839177086127</v>
      </c>
      <c r="L42" s="428">
        <v>1880497331.1300001</v>
      </c>
    </row>
    <row r="43" spans="1:14" ht="10.5" x14ac:dyDescent="0.2">
      <c r="A43" s="29" t="s">
        <v>31</v>
      </c>
      <c r="B43" s="686">
        <v>409876700</v>
      </c>
      <c r="C43" s="687"/>
      <c r="D43" s="686">
        <v>409876700</v>
      </c>
      <c r="E43" s="687"/>
      <c r="F43" s="686">
        <v>61824988.729999997</v>
      </c>
      <c r="G43" s="687"/>
      <c r="H43" s="427">
        <v>15.083801721346932</v>
      </c>
      <c r="I43" s="686">
        <v>61824988.729999997</v>
      </c>
      <c r="J43" s="687"/>
      <c r="K43" s="427">
        <v>15.083801721346932</v>
      </c>
      <c r="L43" s="428">
        <v>348051711.26999998</v>
      </c>
    </row>
    <row r="44" spans="1:14" ht="10.5" x14ac:dyDescent="0.2">
      <c r="A44" s="29" t="s">
        <v>32</v>
      </c>
      <c r="B44" s="686">
        <v>0</v>
      </c>
      <c r="C44" s="687"/>
      <c r="D44" s="686">
        <v>0</v>
      </c>
      <c r="E44" s="687"/>
      <c r="F44" s="686">
        <v>0</v>
      </c>
      <c r="G44" s="687"/>
      <c r="H44" s="427">
        <v>0</v>
      </c>
      <c r="I44" s="686">
        <v>0</v>
      </c>
      <c r="J44" s="687"/>
      <c r="K44" s="427">
        <v>0</v>
      </c>
      <c r="L44" s="428">
        <v>0</v>
      </c>
    </row>
    <row r="45" spans="1:14" ht="10.5" x14ac:dyDescent="0.2">
      <c r="A45" s="29" t="s">
        <v>33</v>
      </c>
      <c r="B45" s="686">
        <v>100000</v>
      </c>
      <c r="C45" s="687"/>
      <c r="D45" s="686">
        <v>100000</v>
      </c>
      <c r="E45" s="687"/>
      <c r="F45" s="686">
        <v>0</v>
      </c>
      <c r="G45" s="687"/>
      <c r="H45" s="427">
        <v>0</v>
      </c>
      <c r="I45" s="686">
        <v>0</v>
      </c>
      <c r="J45" s="687"/>
      <c r="K45" s="427">
        <v>0</v>
      </c>
      <c r="L45" s="428">
        <v>100000</v>
      </c>
    </row>
    <row r="46" spans="1:14" ht="10.5" x14ac:dyDescent="0.2">
      <c r="A46" s="29" t="s">
        <v>34</v>
      </c>
      <c r="B46" s="686">
        <v>163651700</v>
      </c>
      <c r="C46" s="687"/>
      <c r="D46" s="686">
        <v>163651700</v>
      </c>
      <c r="E46" s="687"/>
      <c r="F46" s="686">
        <v>2739952.31</v>
      </c>
      <c r="G46" s="687"/>
      <c r="H46" s="427">
        <v>1.6742583853391075</v>
      </c>
      <c r="I46" s="686">
        <v>2739952.31</v>
      </c>
      <c r="J46" s="687"/>
      <c r="K46" s="427">
        <v>1.6742583853391075</v>
      </c>
      <c r="L46" s="428">
        <v>160911747.69</v>
      </c>
    </row>
    <row r="47" spans="1:14" ht="10.5" x14ac:dyDescent="0.2">
      <c r="A47" s="52" t="s">
        <v>35</v>
      </c>
      <c r="B47" s="686">
        <v>0</v>
      </c>
      <c r="C47" s="687"/>
      <c r="D47" s="686">
        <v>0</v>
      </c>
      <c r="E47" s="687"/>
      <c r="F47" s="686">
        <v>0</v>
      </c>
      <c r="G47" s="687"/>
      <c r="H47" s="427">
        <v>0</v>
      </c>
      <c r="I47" s="686">
        <v>0</v>
      </c>
      <c r="J47" s="687"/>
      <c r="K47" s="427">
        <v>0</v>
      </c>
      <c r="L47" s="428">
        <v>0</v>
      </c>
    </row>
    <row r="48" spans="1:14" ht="10.5" x14ac:dyDescent="0.2">
      <c r="A48" s="146" t="s">
        <v>36</v>
      </c>
      <c r="B48" s="686">
        <v>208631300</v>
      </c>
      <c r="C48" s="687"/>
      <c r="D48" s="686">
        <v>208631300</v>
      </c>
      <c r="E48" s="687"/>
      <c r="F48" s="686">
        <v>17238416.620000001</v>
      </c>
      <c r="G48" s="687"/>
      <c r="H48" s="427">
        <v>8.2626224444750154</v>
      </c>
      <c r="I48" s="686">
        <v>17238416.620000001</v>
      </c>
      <c r="J48" s="687"/>
      <c r="K48" s="427">
        <v>8.2626224444750154</v>
      </c>
      <c r="L48" s="428">
        <v>191392883.38</v>
      </c>
    </row>
    <row r="49" spans="1:14" ht="10.5" x14ac:dyDescent="0.2">
      <c r="A49" s="29" t="s">
        <v>37</v>
      </c>
      <c r="B49" s="686">
        <v>81916100</v>
      </c>
      <c r="C49" s="687"/>
      <c r="D49" s="686">
        <v>81916100</v>
      </c>
      <c r="E49" s="687"/>
      <c r="F49" s="686">
        <v>10647382.880000001</v>
      </c>
      <c r="G49" s="687"/>
      <c r="H49" s="427">
        <v>12.997912351784327</v>
      </c>
      <c r="I49" s="686">
        <v>10647382.880000001</v>
      </c>
      <c r="J49" s="687"/>
      <c r="K49" s="427">
        <v>12.997912351784327</v>
      </c>
      <c r="L49" s="428">
        <v>71268717.120000005</v>
      </c>
    </row>
    <row r="50" spans="1:14" ht="10.5" x14ac:dyDescent="0.2">
      <c r="A50" s="29" t="s">
        <v>38</v>
      </c>
      <c r="B50" s="686">
        <v>64857700</v>
      </c>
      <c r="C50" s="687"/>
      <c r="D50" s="686">
        <v>64857700</v>
      </c>
      <c r="E50" s="687"/>
      <c r="F50" s="686">
        <v>4109885.34</v>
      </c>
      <c r="G50" s="687"/>
      <c r="H50" s="427">
        <v>6.336773181904384</v>
      </c>
      <c r="I50" s="686">
        <v>4109885.34</v>
      </c>
      <c r="J50" s="687"/>
      <c r="K50" s="427">
        <v>6.336773181904384</v>
      </c>
      <c r="L50" s="428">
        <v>60747814.659999996</v>
      </c>
    </row>
    <row r="51" spans="1:14" ht="10.5" x14ac:dyDescent="0.2">
      <c r="A51" s="29" t="s">
        <v>39</v>
      </c>
      <c r="B51" s="686">
        <v>18075800</v>
      </c>
      <c r="C51" s="687"/>
      <c r="D51" s="686">
        <v>18075800</v>
      </c>
      <c r="E51" s="687"/>
      <c r="F51" s="686">
        <v>1471675.44</v>
      </c>
      <c r="G51" s="687"/>
      <c r="H51" s="427">
        <v>8.1416891091957204</v>
      </c>
      <c r="I51" s="686">
        <v>1471675.44</v>
      </c>
      <c r="J51" s="687"/>
      <c r="K51" s="427">
        <v>8.1416891091957204</v>
      </c>
      <c r="L51" s="428">
        <v>16604124.560000001</v>
      </c>
    </row>
    <row r="52" spans="1:14" ht="21" x14ac:dyDescent="0.2">
      <c r="A52" s="50" t="s">
        <v>371</v>
      </c>
      <c r="B52" s="686">
        <v>0</v>
      </c>
      <c r="C52" s="687"/>
      <c r="D52" s="686">
        <v>0</v>
      </c>
      <c r="E52" s="687"/>
      <c r="F52" s="686">
        <v>0</v>
      </c>
      <c r="G52" s="687"/>
      <c r="H52" s="427">
        <v>0</v>
      </c>
      <c r="I52" s="686">
        <v>0</v>
      </c>
      <c r="J52" s="687"/>
      <c r="K52" s="427">
        <v>0</v>
      </c>
      <c r="L52" s="428">
        <v>0</v>
      </c>
    </row>
    <row r="53" spans="1:14" ht="10.5" x14ac:dyDescent="0.2">
      <c r="A53" s="52" t="s">
        <v>54</v>
      </c>
      <c r="B53" s="686">
        <v>43781700</v>
      </c>
      <c r="C53" s="687"/>
      <c r="D53" s="686">
        <v>43781700</v>
      </c>
      <c r="E53" s="687"/>
      <c r="F53" s="686">
        <v>1009472.96</v>
      </c>
      <c r="G53" s="687"/>
      <c r="H53" s="427">
        <v>2.3056961241797369</v>
      </c>
      <c r="I53" s="686">
        <v>1009472.96</v>
      </c>
      <c r="J53" s="687"/>
      <c r="K53" s="427">
        <v>2.3056961241797369</v>
      </c>
      <c r="L53" s="428">
        <v>42772227.039999999</v>
      </c>
    </row>
    <row r="54" spans="1:14" ht="10.5" x14ac:dyDescent="0.2">
      <c r="A54" s="146" t="s">
        <v>40</v>
      </c>
      <c r="B54" s="698">
        <v>908659900</v>
      </c>
      <c r="C54" s="699"/>
      <c r="D54" s="698">
        <v>908660924.63</v>
      </c>
      <c r="E54" s="699"/>
      <c r="F54" s="698">
        <v>89218009.629999995</v>
      </c>
      <c r="G54" s="699"/>
      <c r="H54" s="425">
        <v>9.8186251011430823</v>
      </c>
      <c r="I54" s="698">
        <v>89218009.629999995</v>
      </c>
      <c r="J54" s="699"/>
      <c r="K54" s="425">
        <v>9.8186251011430823</v>
      </c>
      <c r="L54" s="477">
        <v>819442914.99999988</v>
      </c>
    </row>
    <row r="55" spans="1:14" ht="10.5" x14ac:dyDescent="0.2">
      <c r="A55" s="146" t="s">
        <v>41</v>
      </c>
      <c r="B55" s="686">
        <v>16304000</v>
      </c>
      <c r="C55" s="687"/>
      <c r="D55" s="686">
        <v>16304000</v>
      </c>
      <c r="E55" s="687"/>
      <c r="F55" s="686">
        <v>0</v>
      </c>
      <c r="G55" s="687"/>
      <c r="H55" s="427">
        <v>0</v>
      </c>
      <c r="I55" s="686">
        <v>0</v>
      </c>
      <c r="J55" s="687"/>
      <c r="K55" s="427">
        <v>0</v>
      </c>
      <c r="L55" s="428">
        <v>16304000</v>
      </c>
    </row>
    <row r="56" spans="1:14" ht="10.5" x14ac:dyDescent="0.2">
      <c r="A56" s="29" t="s">
        <v>42</v>
      </c>
      <c r="B56" s="686">
        <v>13104000</v>
      </c>
      <c r="C56" s="687"/>
      <c r="D56" s="686">
        <v>13104000</v>
      </c>
      <c r="E56" s="687"/>
      <c r="F56" s="686">
        <v>0</v>
      </c>
      <c r="G56" s="687"/>
      <c r="H56" s="427">
        <v>0</v>
      </c>
      <c r="I56" s="686">
        <v>0</v>
      </c>
      <c r="J56" s="687"/>
      <c r="K56" s="427">
        <v>0</v>
      </c>
      <c r="L56" s="428">
        <v>13104000</v>
      </c>
    </row>
    <row r="57" spans="1:14" ht="10.5" x14ac:dyDescent="0.2">
      <c r="A57" s="29" t="s">
        <v>43</v>
      </c>
      <c r="B57" s="686">
        <v>3200000</v>
      </c>
      <c r="C57" s="687"/>
      <c r="D57" s="686">
        <v>3200000</v>
      </c>
      <c r="E57" s="687"/>
      <c r="F57" s="686">
        <v>0</v>
      </c>
      <c r="G57" s="687"/>
      <c r="H57" s="427">
        <v>0</v>
      </c>
      <c r="I57" s="686">
        <v>0</v>
      </c>
      <c r="J57" s="687"/>
      <c r="K57" s="427">
        <v>0</v>
      </c>
      <c r="L57" s="428">
        <v>3200000</v>
      </c>
    </row>
    <row r="58" spans="1:14" ht="10.5" x14ac:dyDescent="0.2">
      <c r="A58" s="146" t="s">
        <v>44</v>
      </c>
      <c r="B58" s="686">
        <v>8513000</v>
      </c>
      <c r="C58" s="687"/>
      <c r="D58" s="686">
        <v>8513000</v>
      </c>
      <c r="E58" s="687"/>
      <c r="F58" s="686">
        <v>60357.440000000002</v>
      </c>
      <c r="G58" s="687"/>
      <c r="H58" s="427">
        <v>0.70900317161987547</v>
      </c>
      <c r="I58" s="686">
        <v>60357.440000000002</v>
      </c>
      <c r="J58" s="687"/>
      <c r="K58" s="427">
        <v>0.70900317161987547</v>
      </c>
      <c r="L58" s="428">
        <v>8452642.5599999987</v>
      </c>
      <c r="M58" s="56"/>
      <c r="N58" s="56"/>
    </row>
    <row r="59" spans="1:14" ht="10.5" x14ac:dyDescent="0.2">
      <c r="A59" s="29" t="s">
        <v>45</v>
      </c>
      <c r="B59" s="686">
        <v>2206000</v>
      </c>
      <c r="C59" s="687"/>
      <c r="D59" s="686">
        <v>2206000</v>
      </c>
      <c r="E59" s="687"/>
      <c r="F59" s="686">
        <v>0</v>
      </c>
      <c r="G59" s="687"/>
      <c r="H59" s="427">
        <v>0</v>
      </c>
      <c r="I59" s="686">
        <v>0</v>
      </c>
      <c r="J59" s="687"/>
      <c r="K59" s="427">
        <v>0</v>
      </c>
      <c r="L59" s="428">
        <v>2206000</v>
      </c>
    </row>
    <row r="60" spans="1:14" ht="10.5" x14ac:dyDescent="0.2">
      <c r="A60" s="29" t="s">
        <v>46</v>
      </c>
      <c r="B60" s="686">
        <v>6307000</v>
      </c>
      <c r="C60" s="687"/>
      <c r="D60" s="686">
        <v>6307000</v>
      </c>
      <c r="E60" s="687"/>
      <c r="F60" s="686">
        <v>60357.440000000002</v>
      </c>
      <c r="G60" s="687"/>
      <c r="H60" s="427">
        <v>0.95699127953068031</v>
      </c>
      <c r="I60" s="686">
        <v>60357.440000000002</v>
      </c>
      <c r="J60" s="687"/>
      <c r="K60" s="427">
        <v>0.95699127953068031</v>
      </c>
      <c r="L60" s="428">
        <v>6246642.5599999996</v>
      </c>
    </row>
    <row r="61" spans="1:14" ht="10.5" x14ac:dyDescent="0.2">
      <c r="A61" s="146" t="s">
        <v>47</v>
      </c>
      <c r="B61" s="686">
        <v>2430000</v>
      </c>
      <c r="C61" s="687"/>
      <c r="D61" s="686">
        <v>2430000</v>
      </c>
      <c r="E61" s="687"/>
      <c r="F61" s="686">
        <v>615198.14</v>
      </c>
      <c r="G61" s="687"/>
      <c r="H61" s="427">
        <v>25.316795884773661</v>
      </c>
      <c r="I61" s="686">
        <v>615198.14</v>
      </c>
      <c r="J61" s="687"/>
      <c r="K61" s="427">
        <v>25.316795884773661</v>
      </c>
      <c r="L61" s="428">
        <v>1814801.8599999999</v>
      </c>
    </row>
    <row r="62" spans="1:14" ht="10.5" x14ac:dyDescent="0.2">
      <c r="A62" s="146" t="s">
        <v>48</v>
      </c>
      <c r="B62" s="686">
        <v>881412900</v>
      </c>
      <c r="C62" s="687"/>
      <c r="D62" s="686">
        <v>881412900</v>
      </c>
      <c r="E62" s="687"/>
      <c r="F62" s="686">
        <v>88541429.420000002</v>
      </c>
      <c r="G62" s="687"/>
      <c r="H62" s="427">
        <v>10.045397499855062</v>
      </c>
      <c r="I62" s="686">
        <v>88541429.420000002</v>
      </c>
      <c r="J62" s="687"/>
      <c r="K62" s="427">
        <v>10.045397499855062</v>
      </c>
      <c r="L62" s="428">
        <v>792871470.57999992</v>
      </c>
      <c r="M62" s="56"/>
      <c r="N62" s="56"/>
    </row>
    <row r="63" spans="1:14" ht="10.5" x14ac:dyDescent="0.2">
      <c r="A63" s="29" t="s">
        <v>30</v>
      </c>
      <c r="B63" s="686">
        <v>84654100</v>
      </c>
      <c r="C63" s="687"/>
      <c r="D63" s="686">
        <v>84654100</v>
      </c>
      <c r="E63" s="687"/>
      <c r="F63" s="686">
        <v>0</v>
      </c>
      <c r="G63" s="687"/>
      <c r="H63" s="427">
        <v>0</v>
      </c>
      <c r="I63" s="686">
        <v>0</v>
      </c>
      <c r="J63" s="687"/>
      <c r="K63" s="427">
        <v>0</v>
      </c>
      <c r="L63" s="428">
        <v>84654100</v>
      </c>
    </row>
    <row r="64" spans="1:14" ht="10.5" x14ac:dyDescent="0.2">
      <c r="A64" s="29" t="s">
        <v>31</v>
      </c>
      <c r="B64" s="686">
        <v>483607000</v>
      </c>
      <c r="C64" s="687"/>
      <c r="D64" s="686">
        <v>483607000</v>
      </c>
      <c r="E64" s="687"/>
      <c r="F64" s="686">
        <v>76225645.439999998</v>
      </c>
      <c r="G64" s="687"/>
      <c r="H64" s="427">
        <v>15.761898698736784</v>
      </c>
      <c r="I64" s="686">
        <v>76225645.439999998</v>
      </c>
      <c r="J64" s="687"/>
      <c r="K64" s="427">
        <v>15.761898698736784</v>
      </c>
      <c r="L64" s="428">
        <v>407381354.56</v>
      </c>
    </row>
    <row r="65" spans="1:13" ht="10.5" x14ac:dyDescent="0.2">
      <c r="A65" s="29" t="s">
        <v>32</v>
      </c>
      <c r="B65" s="686">
        <v>0</v>
      </c>
      <c r="C65" s="687"/>
      <c r="D65" s="686">
        <v>0</v>
      </c>
      <c r="E65" s="687"/>
      <c r="F65" s="686">
        <v>0</v>
      </c>
      <c r="G65" s="687"/>
      <c r="H65" s="427">
        <v>0</v>
      </c>
      <c r="I65" s="686">
        <v>0</v>
      </c>
      <c r="J65" s="687"/>
      <c r="K65" s="427">
        <v>0</v>
      </c>
      <c r="L65" s="428">
        <v>0</v>
      </c>
    </row>
    <row r="66" spans="1:13" ht="10.5" x14ac:dyDescent="0.2">
      <c r="A66" s="29" t="s">
        <v>33</v>
      </c>
      <c r="B66" s="686">
        <v>0</v>
      </c>
      <c r="C66" s="687"/>
      <c r="D66" s="686">
        <v>0</v>
      </c>
      <c r="E66" s="687"/>
      <c r="F66" s="686">
        <v>0</v>
      </c>
      <c r="G66" s="687"/>
      <c r="H66" s="427">
        <v>0</v>
      </c>
      <c r="I66" s="686">
        <v>0</v>
      </c>
      <c r="J66" s="687"/>
      <c r="K66" s="427">
        <v>0</v>
      </c>
      <c r="L66" s="428">
        <v>0</v>
      </c>
    </row>
    <row r="67" spans="1:13" ht="10.5" x14ac:dyDescent="0.2">
      <c r="A67" s="53" t="s">
        <v>49</v>
      </c>
      <c r="B67" s="686">
        <v>0</v>
      </c>
      <c r="C67" s="687"/>
      <c r="D67" s="686">
        <v>0</v>
      </c>
      <c r="E67" s="687"/>
      <c r="F67" s="686">
        <v>0</v>
      </c>
      <c r="G67" s="687"/>
      <c r="H67" s="427">
        <v>0</v>
      </c>
      <c r="I67" s="686">
        <v>0</v>
      </c>
      <c r="J67" s="687"/>
      <c r="K67" s="427">
        <v>0</v>
      </c>
      <c r="L67" s="428">
        <v>0</v>
      </c>
    </row>
    <row r="68" spans="1:13" ht="10.5" x14ac:dyDescent="0.2">
      <c r="A68" s="53" t="s">
        <v>34</v>
      </c>
      <c r="B68" s="686">
        <v>313151800</v>
      </c>
      <c r="C68" s="687"/>
      <c r="D68" s="686">
        <v>313151800</v>
      </c>
      <c r="E68" s="687"/>
      <c r="F68" s="686">
        <v>12315783.98</v>
      </c>
      <c r="G68" s="687"/>
      <c r="H68" s="427">
        <v>3.9328478967708316</v>
      </c>
      <c r="I68" s="686">
        <v>12315783.98</v>
      </c>
      <c r="J68" s="687"/>
      <c r="K68" s="427">
        <v>3.9328478967708316</v>
      </c>
      <c r="L68" s="428">
        <v>300836016.01999998</v>
      </c>
    </row>
    <row r="69" spans="1:13" ht="10.5" x14ac:dyDescent="0.2">
      <c r="A69" s="53" t="s">
        <v>35</v>
      </c>
      <c r="B69" s="686">
        <v>0</v>
      </c>
      <c r="C69" s="687"/>
      <c r="D69" s="686">
        <v>0</v>
      </c>
      <c r="E69" s="687"/>
      <c r="F69" s="686">
        <v>0</v>
      </c>
      <c r="G69" s="687"/>
      <c r="H69" s="427">
        <v>0</v>
      </c>
      <c r="I69" s="686">
        <v>0</v>
      </c>
      <c r="J69" s="687"/>
      <c r="K69" s="427">
        <v>0</v>
      </c>
      <c r="L69" s="428">
        <v>0</v>
      </c>
    </row>
    <row r="70" spans="1:13" ht="10.5" x14ac:dyDescent="0.2">
      <c r="A70" s="146" t="s">
        <v>50</v>
      </c>
      <c r="B70" s="686">
        <v>0</v>
      </c>
      <c r="C70" s="687"/>
      <c r="D70" s="686">
        <v>1024.6300000000001</v>
      </c>
      <c r="E70" s="687"/>
      <c r="F70" s="686">
        <v>1024.6300000000001</v>
      </c>
      <c r="G70" s="687"/>
      <c r="H70" s="427">
        <v>0</v>
      </c>
      <c r="I70" s="686">
        <v>1024.6300000000001</v>
      </c>
      <c r="J70" s="687"/>
      <c r="K70" s="427">
        <v>0</v>
      </c>
      <c r="L70" s="428">
        <v>0</v>
      </c>
    </row>
    <row r="71" spans="1:13" ht="10.5" x14ac:dyDescent="0.2">
      <c r="A71" s="29" t="s">
        <v>51</v>
      </c>
      <c r="B71" s="686">
        <v>0</v>
      </c>
      <c r="C71" s="687"/>
      <c r="D71" s="686">
        <v>1024.6300000000001</v>
      </c>
      <c r="E71" s="687"/>
      <c r="F71" s="686">
        <v>1024.6300000000001</v>
      </c>
      <c r="G71" s="687"/>
      <c r="H71" s="427">
        <v>0</v>
      </c>
      <c r="I71" s="686">
        <v>1024.6300000000001</v>
      </c>
      <c r="J71" s="687"/>
      <c r="K71" s="427">
        <v>0</v>
      </c>
      <c r="L71" s="428">
        <v>0</v>
      </c>
    </row>
    <row r="72" spans="1:13" ht="10.5" x14ac:dyDescent="0.2">
      <c r="A72" s="54" t="s">
        <v>52</v>
      </c>
      <c r="B72" s="686">
        <v>0</v>
      </c>
      <c r="C72" s="687"/>
      <c r="D72" s="686">
        <v>0</v>
      </c>
      <c r="E72" s="687"/>
      <c r="F72" s="686">
        <v>0</v>
      </c>
      <c r="G72" s="687"/>
      <c r="H72" s="427">
        <v>0</v>
      </c>
      <c r="I72" s="686">
        <v>0</v>
      </c>
      <c r="J72" s="687"/>
      <c r="K72" s="427">
        <v>0</v>
      </c>
      <c r="L72" s="428">
        <v>0</v>
      </c>
    </row>
    <row r="73" spans="1:13" ht="10.5" x14ac:dyDescent="0.2">
      <c r="A73" s="53" t="s">
        <v>53</v>
      </c>
      <c r="B73" s="686">
        <v>0</v>
      </c>
      <c r="C73" s="687"/>
      <c r="D73" s="686">
        <v>0</v>
      </c>
      <c r="E73" s="687"/>
      <c r="F73" s="686">
        <v>0</v>
      </c>
      <c r="G73" s="687"/>
      <c r="H73" s="427">
        <v>0</v>
      </c>
      <c r="I73" s="686">
        <v>0</v>
      </c>
      <c r="J73" s="687"/>
      <c r="K73" s="427">
        <v>0</v>
      </c>
      <c r="L73" s="428">
        <v>0</v>
      </c>
    </row>
    <row r="74" spans="1:13" ht="10.5" x14ac:dyDescent="0.2">
      <c r="A74" s="147" t="s">
        <v>82</v>
      </c>
      <c r="B74" s="692">
        <v>1078931200</v>
      </c>
      <c r="C74" s="693"/>
      <c r="D74" s="692">
        <v>1101761416.97</v>
      </c>
      <c r="E74" s="693"/>
      <c r="F74" s="692">
        <v>156642339.24000001</v>
      </c>
      <c r="G74" s="693"/>
      <c r="H74" s="425">
        <v>14.217446429626174</v>
      </c>
      <c r="I74" s="692">
        <v>156642339.24000001</v>
      </c>
      <c r="J74" s="693"/>
      <c r="K74" s="425">
        <v>14.217446429626174</v>
      </c>
      <c r="L74" s="426">
        <v>945119077.73000002</v>
      </c>
    </row>
    <row r="75" spans="1:13" ht="10.5" x14ac:dyDescent="0.2">
      <c r="A75" s="148" t="s">
        <v>83</v>
      </c>
      <c r="B75" s="694">
        <v>13926525000</v>
      </c>
      <c r="C75" s="695"/>
      <c r="D75" s="694">
        <v>13949356241.599998</v>
      </c>
      <c r="E75" s="695"/>
      <c r="F75" s="694">
        <v>1901196566.5699999</v>
      </c>
      <c r="G75" s="695"/>
      <c r="H75" s="432">
        <v>13.629278180596035</v>
      </c>
      <c r="I75" s="694">
        <v>1901196566.5699999</v>
      </c>
      <c r="J75" s="695"/>
      <c r="K75" s="433">
        <v>13.629278180596035</v>
      </c>
      <c r="L75" s="434">
        <v>12048159675.029999</v>
      </c>
      <c r="M75" s="298"/>
    </row>
    <row r="76" spans="1:13" ht="10.5" x14ac:dyDescent="0.2">
      <c r="A76" s="299" t="s">
        <v>359</v>
      </c>
      <c r="B76" s="690"/>
      <c r="C76" s="691"/>
      <c r="D76" s="690"/>
      <c r="E76" s="691"/>
      <c r="F76" s="690"/>
      <c r="G76" s="691"/>
      <c r="H76" s="435">
        <v>0</v>
      </c>
      <c r="I76" s="690"/>
      <c r="J76" s="691"/>
      <c r="K76" s="472">
        <v>0</v>
      </c>
      <c r="L76" s="472"/>
    </row>
    <row r="77" spans="1:13" ht="10.5" hidden="1" x14ac:dyDescent="0.2">
      <c r="A77" s="146" t="s">
        <v>309</v>
      </c>
      <c r="B77" s="696"/>
      <c r="C77" s="697"/>
      <c r="D77" s="696"/>
      <c r="E77" s="697"/>
      <c r="F77" s="696"/>
      <c r="G77" s="697"/>
      <c r="H77" s="428">
        <v>0</v>
      </c>
      <c r="I77" s="696"/>
      <c r="J77" s="697"/>
      <c r="K77" s="475">
        <v>0</v>
      </c>
      <c r="L77" s="475"/>
    </row>
    <row r="78" spans="1:13" ht="10.5" hidden="1" x14ac:dyDescent="0.2">
      <c r="A78" s="29" t="s">
        <v>55</v>
      </c>
      <c r="B78" s="686"/>
      <c r="C78" s="687"/>
      <c r="D78" s="686"/>
      <c r="E78" s="687"/>
      <c r="F78" s="686"/>
      <c r="G78" s="687"/>
      <c r="H78" s="428">
        <v>0</v>
      </c>
      <c r="I78" s="686"/>
      <c r="J78" s="687"/>
      <c r="K78" s="475">
        <v>0</v>
      </c>
      <c r="L78" s="475"/>
    </row>
    <row r="79" spans="1:13" ht="10.5" hidden="1" x14ac:dyDescent="0.2">
      <c r="A79" s="55" t="s">
        <v>56</v>
      </c>
      <c r="B79" s="686"/>
      <c r="C79" s="687"/>
      <c r="D79" s="686"/>
      <c r="E79" s="687"/>
      <c r="F79" s="686"/>
      <c r="G79" s="687"/>
      <c r="H79" s="428">
        <v>0</v>
      </c>
      <c r="I79" s="686"/>
      <c r="J79" s="687"/>
      <c r="K79" s="475">
        <v>0</v>
      </c>
      <c r="L79" s="475"/>
    </row>
    <row r="80" spans="1:13" ht="10.5" hidden="1" x14ac:dyDescent="0.2">
      <c r="A80" s="146" t="s">
        <v>310</v>
      </c>
      <c r="B80" s="686"/>
      <c r="C80" s="687"/>
      <c r="D80" s="686"/>
      <c r="E80" s="687"/>
      <c r="F80" s="686"/>
      <c r="G80" s="687"/>
      <c r="H80" s="428">
        <v>0</v>
      </c>
      <c r="I80" s="686"/>
      <c r="J80" s="687"/>
      <c r="K80" s="475">
        <v>0</v>
      </c>
      <c r="L80" s="475"/>
    </row>
    <row r="81" spans="1:13" ht="10.5" hidden="1" x14ac:dyDescent="0.2">
      <c r="A81" s="29" t="s">
        <v>55</v>
      </c>
      <c r="B81" s="686"/>
      <c r="C81" s="687"/>
      <c r="D81" s="686"/>
      <c r="E81" s="687"/>
      <c r="F81" s="686"/>
      <c r="G81" s="687"/>
      <c r="H81" s="428">
        <v>0</v>
      </c>
      <c r="I81" s="686"/>
      <c r="J81" s="687"/>
      <c r="K81" s="475">
        <v>0</v>
      </c>
      <c r="L81" s="475"/>
    </row>
    <row r="82" spans="1:13" ht="10.5" hidden="1" x14ac:dyDescent="0.2">
      <c r="A82" s="55" t="s">
        <v>56</v>
      </c>
      <c r="B82" s="431"/>
      <c r="C82" s="437"/>
      <c r="D82" s="688"/>
      <c r="E82" s="689"/>
      <c r="F82" s="688"/>
      <c r="G82" s="689"/>
      <c r="H82" s="428">
        <v>0</v>
      </c>
      <c r="I82" s="688"/>
      <c r="J82" s="689"/>
      <c r="K82" s="478">
        <v>0</v>
      </c>
      <c r="L82" s="478"/>
    </row>
    <row r="83" spans="1:13" ht="10.5" x14ac:dyDescent="0.2">
      <c r="A83" s="148" t="s">
        <v>57</v>
      </c>
      <c r="B83" s="694">
        <v>13926525000</v>
      </c>
      <c r="C83" s="695"/>
      <c r="D83" s="694">
        <v>13949356241.599998</v>
      </c>
      <c r="E83" s="695"/>
      <c r="F83" s="694">
        <v>1901196566.5699999</v>
      </c>
      <c r="G83" s="695"/>
      <c r="H83" s="434">
        <v>13.629278180596035</v>
      </c>
      <c r="I83" s="694">
        <v>1901196566.5699999</v>
      </c>
      <c r="J83" s="695"/>
      <c r="K83" s="438">
        <v>13.629278180596035</v>
      </c>
      <c r="L83" s="434">
        <v>12048159675.029999</v>
      </c>
      <c r="M83" s="28"/>
    </row>
    <row r="84" spans="1:13" ht="10.5" x14ac:dyDescent="0.2">
      <c r="A84" s="149" t="s">
        <v>84</v>
      </c>
      <c r="B84" s="694">
        <v>0</v>
      </c>
      <c r="C84" s="695"/>
      <c r="D84" s="694">
        <v>0</v>
      </c>
      <c r="E84" s="695"/>
      <c r="F84" s="694">
        <v>0</v>
      </c>
      <c r="G84" s="695"/>
      <c r="H84" s="434">
        <v>0</v>
      </c>
      <c r="I84" s="694">
        <v>0</v>
      </c>
      <c r="J84" s="695"/>
      <c r="K84" s="439">
        <v>0</v>
      </c>
      <c r="L84" s="476">
        <v>0</v>
      </c>
    </row>
    <row r="85" spans="1:13" ht="15" customHeight="1" x14ac:dyDescent="0.2">
      <c r="A85" s="27" t="s">
        <v>85</v>
      </c>
      <c r="B85" s="704">
        <v>13926525000</v>
      </c>
      <c r="C85" s="705"/>
      <c r="D85" s="704">
        <v>13949356241.599998</v>
      </c>
      <c r="E85" s="705"/>
      <c r="F85" s="704">
        <v>1901196566.5699999</v>
      </c>
      <c r="G85" s="705"/>
      <c r="H85" s="471">
        <v>13.629278180596035</v>
      </c>
      <c r="I85" s="704">
        <v>1901196566.5699999</v>
      </c>
      <c r="J85" s="705"/>
      <c r="K85" s="471">
        <v>13.629278180596035</v>
      </c>
      <c r="L85" s="440">
        <v>12048159675.029999</v>
      </c>
    </row>
    <row r="86" spans="1:13" ht="21" x14ac:dyDescent="0.2">
      <c r="A86" s="344" t="s">
        <v>58</v>
      </c>
      <c r="B86" s="690">
        <v>0</v>
      </c>
      <c r="C86" s="691"/>
      <c r="D86" s="690"/>
      <c r="E86" s="691"/>
      <c r="F86" s="690">
        <v>0</v>
      </c>
      <c r="G86" s="691"/>
      <c r="H86" s="441">
        <v>0</v>
      </c>
      <c r="I86" s="690">
        <v>0</v>
      </c>
      <c r="J86" s="691"/>
      <c r="K86" s="441">
        <v>0</v>
      </c>
      <c r="L86" s="472" t="s">
        <v>156</v>
      </c>
    </row>
    <row r="87" spans="1:13" ht="10.5" x14ac:dyDescent="0.2">
      <c r="A87" s="345" t="s">
        <v>353</v>
      </c>
      <c r="B87" s="690">
        <v>0</v>
      </c>
      <c r="C87" s="691"/>
      <c r="D87" s="690">
        <v>0</v>
      </c>
      <c r="E87" s="691"/>
      <c r="F87" s="690">
        <v>0</v>
      </c>
      <c r="G87" s="691"/>
      <c r="H87" s="441">
        <v>0</v>
      </c>
      <c r="I87" s="690">
        <v>0</v>
      </c>
      <c r="J87" s="691"/>
      <c r="K87" s="441">
        <v>0</v>
      </c>
      <c r="L87" s="472" t="s">
        <v>156</v>
      </c>
    </row>
    <row r="88" spans="1:13" ht="10.5" x14ac:dyDescent="0.2">
      <c r="A88" s="346" t="s">
        <v>893</v>
      </c>
      <c r="B88" s="690">
        <v>0</v>
      </c>
      <c r="C88" s="691"/>
      <c r="D88" s="690">
        <v>0</v>
      </c>
      <c r="E88" s="691"/>
      <c r="F88" s="690">
        <v>0</v>
      </c>
      <c r="G88" s="691"/>
      <c r="H88" s="441">
        <v>0</v>
      </c>
      <c r="I88" s="690">
        <v>0</v>
      </c>
      <c r="J88" s="691"/>
      <c r="K88" s="441">
        <v>0</v>
      </c>
      <c r="L88" s="472" t="s">
        <v>156</v>
      </c>
    </row>
    <row r="89" spans="1:13" ht="5.0999999999999996" customHeight="1" x14ac:dyDescent="0.2">
      <c r="F89" s="56"/>
      <c r="G89" s="56"/>
      <c r="H89" s="56"/>
      <c r="I89" s="56"/>
      <c r="J89" s="56"/>
      <c r="K89" s="56"/>
      <c r="L89" s="56"/>
    </row>
    <row r="90" spans="1:13" ht="4.5" customHeight="1" x14ac:dyDescent="0.2">
      <c r="E90" s="459"/>
      <c r="F90" s="56"/>
      <c r="G90" s="409"/>
      <c r="H90" s="409"/>
      <c r="I90" s="409"/>
      <c r="J90" s="56"/>
      <c r="K90" s="56"/>
      <c r="L90" s="56"/>
    </row>
    <row r="91" spans="1:13" ht="14.25" customHeight="1" x14ac:dyDescent="0.2">
      <c r="A91" s="721" t="s">
        <v>853</v>
      </c>
      <c r="B91" s="57" t="s">
        <v>157</v>
      </c>
      <c r="C91" s="57" t="s">
        <v>157</v>
      </c>
      <c r="D91" s="707" t="s">
        <v>158</v>
      </c>
      <c r="E91" s="716"/>
      <c r="F91" s="729" t="s">
        <v>161</v>
      </c>
      <c r="G91" s="707" t="s">
        <v>159</v>
      </c>
      <c r="H91" s="708"/>
      <c r="I91" s="729" t="s">
        <v>161</v>
      </c>
      <c r="J91" s="719" t="s">
        <v>534</v>
      </c>
      <c r="K91" s="709" t="s">
        <v>635</v>
      </c>
      <c r="L91" s="710"/>
    </row>
    <row r="92" spans="1:13" ht="27" customHeight="1" x14ac:dyDescent="0.15">
      <c r="A92" s="722"/>
      <c r="B92" s="58" t="s">
        <v>111</v>
      </c>
      <c r="C92" s="58" t="s">
        <v>112</v>
      </c>
      <c r="D92" s="452" t="s">
        <v>429</v>
      </c>
      <c r="E92" s="452" t="s">
        <v>430</v>
      </c>
      <c r="F92" s="730"/>
      <c r="G92" s="452" t="s">
        <v>429</v>
      </c>
      <c r="H92" s="453" t="s">
        <v>430</v>
      </c>
      <c r="I92" s="730"/>
      <c r="J92" s="720"/>
      <c r="K92" s="711"/>
      <c r="L92" s="712"/>
    </row>
    <row r="93" spans="1:13" ht="10.5" x14ac:dyDescent="0.2">
      <c r="A93" s="722"/>
      <c r="B93" s="58"/>
      <c r="C93" s="58"/>
      <c r="D93" s="60" t="s">
        <v>121</v>
      </c>
      <c r="E93" s="60" t="s">
        <v>121</v>
      </c>
      <c r="F93" s="730"/>
      <c r="G93" s="60" t="s">
        <v>121</v>
      </c>
      <c r="H93" s="60" t="s">
        <v>121</v>
      </c>
      <c r="I93" s="730"/>
      <c r="J93" s="720"/>
      <c r="K93" s="711"/>
      <c r="L93" s="712"/>
    </row>
    <row r="94" spans="1:13" s="396" customFormat="1" ht="12" customHeight="1" x14ac:dyDescent="0.2">
      <c r="A94" s="723"/>
      <c r="B94" s="393" t="s">
        <v>162</v>
      </c>
      <c r="C94" s="393" t="s">
        <v>163</v>
      </c>
      <c r="D94" s="395"/>
      <c r="E94" s="393" t="s">
        <v>233</v>
      </c>
      <c r="F94" s="394" t="s">
        <v>538</v>
      </c>
      <c r="G94" s="395"/>
      <c r="H94" s="393" t="s">
        <v>165</v>
      </c>
      <c r="I94" s="393" t="s">
        <v>539</v>
      </c>
      <c r="J94" s="393" t="s">
        <v>349</v>
      </c>
      <c r="K94" s="713"/>
      <c r="L94" s="714"/>
    </row>
    <row r="95" spans="1:13" s="44" customFormat="1" ht="10.5" x14ac:dyDescent="0.2">
      <c r="A95" s="151" t="s">
        <v>360</v>
      </c>
      <c r="B95" s="493">
        <v>12932585500</v>
      </c>
      <c r="C95" s="425">
        <v>12952325410.690001</v>
      </c>
      <c r="D95" s="425">
        <v>5382653182.3999996</v>
      </c>
      <c r="E95" s="425">
        <v>5382653182.3999996</v>
      </c>
      <c r="F95" s="425">
        <v>7569672228.2900009</v>
      </c>
      <c r="G95" s="425">
        <v>1670083788.78</v>
      </c>
      <c r="H95" s="425">
        <v>1670083788.78</v>
      </c>
      <c r="I95" s="425">
        <v>11282241621.91</v>
      </c>
      <c r="J95" s="425">
        <v>1498033332.52</v>
      </c>
      <c r="K95" s="700">
        <v>0</v>
      </c>
      <c r="L95" s="715"/>
    </row>
    <row r="96" spans="1:13" s="44" customFormat="1" ht="10.5" x14ac:dyDescent="0.2">
      <c r="A96" s="62" t="s">
        <v>86</v>
      </c>
      <c r="B96" s="493">
        <v>10645303900</v>
      </c>
      <c r="C96" s="425">
        <v>10615668432.030001</v>
      </c>
      <c r="D96" s="425">
        <v>4211328283.48</v>
      </c>
      <c r="E96" s="425">
        <v>4211328283.48</v>
      </c>
      <c r="F96" s="425">
        <v>6404340148.5500002</v>
      </c>
      <c r="G96" s="425">
        <v>1499650936.1199999</v>
      </c>
      <c r="H96" s="425">
        <v>1499650936.1199999</v>
      </c>
      <c r="I96" s="425">
        <v>9116017495.9099998</v>
      </c>
      <c r="J96" s="425">
        <v>1340213351.1900001</v>
      </c>
      <c r="K96" s="698">
        <v>0</v>
      </c>
      <c r="L96" s="718"/>
    </row>
    <row r="97" spans="1:12" s="44" customFormat="1" ht="10.5" x14ac:dyDescent="0.2">
      <c r="A97" s="62" t="s">
        <v>87</v>
      </c>
      <c r="B97" s="427">
        <v>5269505500</v>
      </c>
      <c r="C97" s="427">
        <v>5278118005.5</v>
      </c>
      <c r="D97" s="427">
        <v>2860480920.3499999</v>
      </c>
      <c r="E97" s="427">
        <v>2860480920.3499999</v>
      </c>
      <c r="F97" s="427">
        <v>2417637085.1500001</v>
      </c>
      <c r="G97" s="427">
        <v>1101847096.0699999</v>
      </c>
      <c r="H97" s="427">
        <v>1101847096.0699999</v>
      </c>
      <c r="I97" s="427">
        <v>4176270909.4300003</v>
      </c>
      <c r="J97" s="427">
        <v>974928131.53999996</v>
      </c>
      <c r="K97" s="686">
        <v>0</v>
      </c>
      <c r="L97" s="706"/>
    </row>
    <row r="98" spans="1:12" ht="10.5" x14ac:dyDescent="0.2">
      <c r="A98" s="62" t="s">
        <v>88</v>
      </c>
      <c r="B98" s="427">
        <v>268572300</v>
      </c>
      <c r="C98" s="427">
        <v>269572300</v>
      </c>
      <c r="D98" s="427">
        <v>257895303.21000001</v>
      </c>
      <c r="E98" s="427">
        <v>257895303.21000001</v>
      </c>
      <c r="F98" s="427">
        <v>11676996.789999992</v>
      </c>
      <c r="G98" s="427">
        <v>44209544.469999999</v>
      </c>
      <c r="H98" s="427">
        <v>44209544.469999999</v>
      </c>
      <c r="I98" s="427">
        <v>225362755.53</v>
      </c>
      <c r="J98" s="427">
        <v>44209544.469999999</v>
      </c>
      <c r="K98" s="686">
        <v>0</v>
      </c>
      <c r="L98" s="706"/>
    </row>
    <row r="99" spans="1:12" ht="10.5" x14ac:dyDescent="0.2">
      <c r="A99" s="62" t="s">
        <v>89</v>
      </c>
      <c r="B99" s="494">
        <v>5107226100</v>
      </c>
      <c r="C99" s="427">
        <v>5067978126.5300007</v>
      </c>
      <c r="D99" s="427">
        <v>1092952059.9200001</v>
      </c>
      <c r="E99" s="427">
        <v>1092952059.9200001</v>
      </c>
      <c r="F99" s="427">
        <v>3975026066.6100001</v>
      </c>
      <c r="G99" s="427">
        <v>353594295.57999998</v>
      </c>
      <c r="H99" s="427">
        <v>353594295.57999998</v>
      </c>
      <c r="I99" s="427">
        <v>4714383830.9499998</v>
      </c>
      <c r="J99" s="427">
        <v>321075675.18000001</v>
      </c>
      <c r="K99" s="686">
        <v>0</v>
      </c>
      <c r="L99" s="706"/>
    </row>
    <row r="100" spans="1:12" ht="10.5" x14ac:dyDescent="0.2">
      <c r="A100" s="63" t="s">
        <v>735</v>
      </c>
      <c r="B100" s="427">
        <v>2199871000</v>
      </c>
      <c r="C100" s="427">
        <v>2151117000</v>
      </c>
      <c r="D100" s="427">
        <v>91591166.890000001</v>
      </c>
      <c r="E100" s="427">
        <v>91591166.890000001</v>
      </c>
      <c r="F100" s="427">
        <v>2059525833.1099999</v>
      </c>
      <c r="G100" s="427">
        <v>44341166.890000001</v>
      </c>
      <c r="H100" s="427">
        <v>44341166.890000001</v>
      </c>
      <c r="I100" s="427">
        <v>2106775833.1099999</v>
      </c>
      <c r="J100" s="427">
        <v>37841166.890000001</v>
      </c>
      <c r="K100" s="686">
        <v>0</v>
      </c>
      <c r="L100" s="706"/>
    </row>
    <row r="101" spans="1:12" ht="10.5" x14ac:dyDescent="0.2">
      <c r="A101" s="63" t="s">
        <v>736</v>
      </c>
      <c r="B101" s="427">
        <v>2907355100</v>
      </c>
      <c r="C101" s="427">
        <v>2916861126.5300002</v>
      </c>
      <c r="D101" s="427">
        <v>1001360893.03</v>
      </c>
      <c r="E101" s="427">
        <v>1001360893.03</v>
      </c>
      <c r="F101" s="427">
        <v>1915500233.5000002</v>
      </c>
      <c r="G101" s="427">
        <v>309253128.69</v>
      </c>
      <c r="H101" s="427">
        <v>309253128.69</v>
      </c>
      <c r="I101" s="427">
        <v>2607607997.8400002</v>
      </c>
      <c r="J101" s="427">
        <v>283234508.29000002</v>
      </c>
      <c r="K101" s="686">
        <v>0</v>
      </c>
      <c r="L101" s="706"/>
    </row>
    <row r="102" spans="1:12" s="44" customFormat="1" ht="10.5" x14ac:dyDescent="0.2">
      <c r="A102" s="62" t="s">
        <v>90</v>
      </c>
      <c r="B102" s="493">
        <v>2158528600</v>
      </c>
      <c r="C102" s="425">
        <v>2207903978.6599998</v>
      </c>
      <c r="D102" s="425">
        <v>1171324898.9200001</v>
      </c>
      <c r="E102" s="425">
        <v>1171324898.9200001</v>
      </c>
      <c r="F102" s="425">
        <v>1036579079.7399998</v>
      </c>
      <c r="G102" s="425">
        <v>170432852.66</v>
      </c>
      <c r="H102" s="425">
        <v>170432852.66</v>
      </c>
      <c r="I102" s="425">
        <v>2037471125.9999998</v>
      </c>
      <c r="J102" s="425">
        <v>157819981.33000001</v>
      </c>
      <c r="K102" s="698">
        <v>0</v>
      </c>
      <c r="L102" s="718"/>
    </row>
    <row r="103" spans="1:12" ht="10.5" x14ac:dyDescent="0.2">
      <c r="A103" s="56" t="s">
        <v>91</v>
      </c>
      <c r="B103" s="427">
        <v>1453525700</v>
      </c>
      <c r="C103" s="427">
        <v>1502536378.6600001</v>
      </c>
      <c r="D103" s="427">
        <v>497673301.81999999</v>
      </c>
      <c r="E103" s="427">
        <v>497673301.81999999</v>
      </c>
      <c r="F103" s="427">
        <v>1004863076.8400002</v>
      </c>
      <c r="G103" s="427">
        <v>61976827.07</v>
      </c>
      <c r="H103" s="427">
        <v>61976827.07</v>
      </c>
      <c r="I103" s="427">
        <v>1440559551.5900002</v>
      </c>
      <c r="J103" s="427">
        <v>49363955.740000002</v>
      </c>
      <c r="K103" s="686">
        <v>0</v>
      </c>
      <c r="L103" s="706"/>
    </row>
    <row r="104" spans="1:12" ht="10.5" x14ac:dyDescent="0.2">
      <c r="A104" s="56" t="s">
        <v>92</v>
      </c>
      <c r="B104" s="427">
        <v>6967100</v>
      </c>
      <c r="C104" s="427">
        <v>7131800</v>
      </c>
      <c r="D104" s="427">
        <v>164699.4</v>
      </c>
      <c r="E104" s="427">
        <v>164699.4</v>
      </c>
      <c r="F104" s="427">
        <v>6967100.5999999996</v>
      </c>
      <c r="G104" s="427">
        <v>0</v>
      </c>
      <c r="H104" s="427">
        <v>0</v>
      </c>
      <c r="I104" s="427">
        <v>7131800</v>
      </c>
      <c r="J104" s="427">
        <v>0</v>
      </c>
      <c r="K104" s="686">
        <v>0</v>
      </c>
      <c r="L104" s="706"/>
    </row>
    <row r="105" spans="1:12" ht="10.5" x14ac:dyDescent="0.2">
      <c r="A105" s="56" t="s">
        <v>93</v>
      </c>
      <c r="B105" s="427">
        <v>698035800</v>
      </c>
      <c r="C105" s="427">
        <v>698235800</v>
      </c>
      <c r="D105" s="427">
        <v>673486897.70000005</v>
      </c>
      <c r="E105" s="427">
        <v>673486897.70000005</v>
      </c>
      <c r="F105" s="427">
        <v>24748902.299999952</v>
      </c>
      <c r="G105" s="427">
        <v>108456025.59</v>
      </c>
      <c r="H105" s="427">
        <v>108456025.59</v>
      </c>
      <c r="I105" s="427">
        <v>589779774.40999997</v>
      </c>
      <c r="J105" s="427">
        <v>108456025.59</v>
      </c>
      <c r="K105" s="686">
        <v>0</v>
      </c>
      <c r="L105" s="706"/>
    </row>
    <row r="106" spans="1:12" ht="10.5" x14ac:dyDescent="0.2">
      <c r="A106" s="56" t="s">
        <v>94</v>
      </c>
      <c r="B106" s="428">
        <v>128753000</v>
      </c>
      <c r="C106" s="495">
        <v>128753000</v>
      </c>
      <c r="D106" s="427">
        <v>0</v>
      </c>
      <c r="E106" s="427">
        <v>0</v>
      </c>
      <c r="F106" s="427">
        <v>128753000</v>
      </c>
      <c r="G106" s="427">
        <v>0</v>
      </c>
      <c r="H106" s="427">
        <v>0</v>
      </c>
      <c r="I106" s="427">
        <v>128753000</v>
      </c>
      <c r="J106" s="427">
        <v>0</v>
      </c>
      <c r="K106" s="686">
        <v>0</v>
      </c>
      <c r="L106" s="706"/>
    </row>
    <row r="107" spans="1:12" ht="10.5" x14ac:dyDescent="0.2">
      <c r="A107" s="56" t="s">
        <v>95</v>
      </c>
      <c r="B107" s="428">
        <v>0</v>
      </c>
      <c r="C107" s="427">
        <v>0</v>
      </c>
      <c r="D107" s="427">
        <v>0</v>
      </c>
      <c r="E107" s="427">
        <v>0</v>
      </c>
      <c r="F107" s="427">
        <v>0</v>
      </c>
      <c r="G107" s="427">
        <v>0</v>
      </c>
      <c r="H107" s="427">
        <v>0</v>
      </c>
      <c r="I107" s="427">
        <v>0</v>
      </c>
      <c r="J107" s="427">
        <v>0</v>
      </c>
      <c r="K107" s="686">
        <v>0</v>
      </c>
      <c r="L107" s="706"/>
    </row>
    <row r="108" spans="1:12" s="44" customFormat="1" ht="10.5" x14ac:dyDescent="0.2">
      <c r="A108" s="62" t="s">
        <v>96</v>
      </c>
      <c r="B108" s="426">
        <v>993939500</v>
      </c>
      <c r="C108" s="426">
        <v>1054624627.3099999</v>
      </c>
      <c r="D108" s="426">
        <v>376308690.50999999</v>
      </c>
      <c r="E108" s="426">
        <v>376308690.50999999</v>
      </c>
      <c r="F108" s="426">
        <v>678315936.79999995</v>
      </c>
      <c r="G108" s="426">
        <v>192314669.41</v>
      </c>
      <c r="H108" s="426">
        <v>192314669.41</v>
      </c>
      <c r="I108" s="426">
        <v>862309957.89999998</v>
      </c>
      <c r="J108" s="426">
        <v>141533114.69999999</v>
      </c>
      <c r="K108" s="692">
        <v>0</v>
      </c>
      <c r="L108" s="728"/>
    </row>
    <row r="109" spans="1:12" s="44" customFormat="1" ht="10.5" x14ac:dyDescent="0.2">
      <c r="A109" s="116" t="s">
        <v>97</v>
      </c>
      <c r="B109" s="473">
        <v>13926525000</v>
      </c>
      <c r="C109" s="473">
        <v>14006950038</v>
      </c>
      <c r="D109" s="473">
        <v>5758961872.9099998</v>
      </c>
      <c r="E109" s="473">
        <v>5758961872.9099998</v>
      </c>
      <c r="F109" s="473">
        <v>8247988165.0900011</v>
      </c>
      <c r="G109" s="473">
        <v>1862398458.1900001</v>
      </c>
      <c r="H109" s="473">
        <v>1862398458.1900001</v>
      </c>
      <c r="I109" s="473">
        <v>12144551579.809999</v>
      </c>
      <c r="J109" s="473">
        <v>1639566447.22</v>
      </c>
      <c r="K109" s="690">
        <v>0</v>
      </c>
      <c r="L109" s="724"/>
    </row>
    <row r="110" spans="1:12" ht="10.5" x14ac:dyDescent="0.2">
      <c r="A110" s="299" t="s">
        <v>361</v>
      </c>
      <c r="B110" s="435">
        <v>0</v>
      </c>
      <c r="C110" s="435">
        <v>0</v>
      </c>
      <c r="D110" s="435">
        <v>0</v>
      </c>
      <c r="E110" s="435">
        <v>0</v>
      </c>
      <c r="F110" s="435">
        <v>0</v>
      </c>
      <c r="G110" s="435">
        <v>0</v>
      </c>
      <c r="H110" s="435">
        <v>0</v>
      </c>
      <c r="I110" s="435">
        <v>0</v>
      </c>
      <c r="J110" s="435">
        <v>0</v>
      </c>
      <c r="K110" s="690">
        <v>0</v>
      </c>
      <c r="L110" s="724"/>
    </row>
    <row r="111" spans="1:12" s="44" customFormat="1" ht="10.5" hidden="1" customHeight="1" x14ac:dyDescent="0.2">
      <c r="A111" s="146" t="s">
        <v>3</v>
      </c>
      <c r="B111" s="477">
        <v>0</v>
      </c>
      <c r="C111" s="477">
        <v>0</v>
      </c>
      <c r="D111" s="477">
        <v>0</v>
      </c>
      <c r="E111" s="477">
        <v>0</v>
      </c>
      <c r="F111" s="477">
        <v>0</v>
      </c>
      <c r="G111" s="477">
        <v>0</v>
      </c>
      <c r="H111" s="477">
        <v>0</v>
      </c>
      <c r="I111" s="477">
        <v>0</v>
      </c>
      <c r="J111" s="477">
        <v>0</v>
      </c>
      <c r="K111" s="700">
        <v>0</v>
      </c>
      <c r="L111" s="715"/>
    </row>
    <row r="112" spans="1:12" ht="10.5" hidden="1" customHeight="1" x14ac:dyDescent="0.2">
      <c r="A112" s="29" t="s">
        <v>1</v>
      </c>
      <c r="B112" s="428"/>
      <c r="C112" s="428"/>
      <c r="D112" s="427"/>
      <c r="E112" s="428"/>
      <c r="F112" s="427"/>
      <c r="G112" s="475"/>
      <c r="H112" s="475"/>
      <c r="I112" s="475"/>
      <c r="J112" s="427"/>
      <c r="K112" s="686"/>
      <c r="L112" s="706"/>
    </row>
    <row r="113" spans="1:12" ht="10.5" hidden="1" customHeight="1" x14ac:dyDescent="0.2">
      <c r="A113" s="29" t="s">
        <v>2</v>
      </c>
      <c r="B113" s="428"/>
      <c r="C113" s="428"/>
      <c r="D113" s="427"/>
      <c r="E113" s="428"/>
      <c r="F113" s="427"/>
      <c r="G113" s="475"/>
      <c r="H113" s="475"/>
      <c r="I113" s="475"/>
      <c r="J113" s="427"/>
      <c r="K113" s="686"/>
      <c r="L113" s="706"/>
    </row>
    <row r="114" spans="1:12" s="44" customFormat="1" ht="10.5" hidden="1" customHeight="1" x14ac:dyDescent="0.2">
      <c r="A114" s="146" t="s">
        <v>4</v>
      </c>
      <c r="B114" s="477">
        <v>0</v>
      </c>
      <c r="C114" s="477">
        <v>0</v>
      </c>
      <c r="D114" s="477">
        <v>0</v>
      </c>
      <c r="E114" s="477">
        <v>0</v>
      </c>
      <c r="F114" s="477">
        <v>0</v>
      </c>
      <c r="G114" s="477">
        <v>0</v>
      </c>
      <c r="H114" s="477">
        <v>0</v>
      </c>
      <c r="I114" s="477">
        <v>0</v>
      </c>
      <c r="J114" s="477">
        <v>0</v>
      </c>
      <c r="K114" s="698">
        <v>0</v>
      </c>
      <c r="L114" s="718"/>
    </row>
    <row r="115" spans="1:12" ht="10.5" hidden="1" customHeight="1" x14ac:dyDescent="0.2">
      <c r="A115" s="29" t="s">
        <v>1</v>
      </c>
      <c r="B115" s="428"/>
      <c r="C115" s="428"/>
      <c r="D115" s="427"/>
      <c r="E115" s="428"/>
      <c r="F115" s="427"/>
      <c r="G115" s="475"/>
      <c r="H115" s="475"/>
      <c r="I115" s="475"/>
      <c r="J115" s="427"/>
      <c r="K115" s="686"/>
      <c r="L115" s="706"/>
    </row>
    <row r="116" spans="1:12" ht="10.5" hidden="1" customHeight="1" x14ac:dyDescent="0.2">
      <c r="A116" s="30" t="s">
        <v>2</v>
      </c>
      <c r="B116" s="431"/>
      <c r="C116" s="431"/>
      <c r="D116" s="430"/>
      <c r="E116" s="431"/>
      <c r="F116" s="430"/>
      <c r="G116" s="478"/>
      <c r="H116" s="478"/>
      <c r="I116" s="478"/>
      <c r="J116" s="430"/>
      <c r="K116" s="688"/>
      <c r="L116" s="727"/>
    </row>
    <row r="117" spans="1:12" ht="10.5" x14ac:dyDescent="0.2">
      <c r="A117" s="150" t="s">
        <v>98</v>
      </c>
      <c r="B117" s="496">
        <v>13926525000</v>
      </c>
      <c r="C117" s="496">
        <v>14006950038</v>
      </c>
      <c r="D117" s="496">
        <v>5758961872.9099998</v>
      </c>
      <c r="E117" s="496">
        <v>5758961872.9099998</v>
      </c>
      <c r="F117" s="496">
        <v>8247988165.0900011</v>
      </c>
      <c r="G117" s="496">
        <v>1862398458.1900001</v>
      </c>
      <c r="H117" s="496">
        <v>1862398458.1900001</v>
      </c>
      <c r="I117" s="496">
        <v>12144551579.809999</v>
      </c>
      <c r="J117" s="496">
        <v>1639566447.22</v>
      </c>
      <c r="K117" s="694">
        <v>0</v>
      </c>
      <c r="L117" s="725"/>
    </row>
    <row r="118" spans="1:12" ht="10.5" x14ac:dyDescent="0.2">
      <c r="A118" s="150" t="s">
        <v>99</v>
      </c>
      <c r="B118" s="473"/>
      <c r="C118" s="473"/>
      <c r="D118" s="473"/>
      <c r="E118" s="473"/>
      <c r="F118" s="473"/>
      <c r="G118" s="473"/>
      <c r="H118" s="474">
        <v>38798108.379999876</v>
      </c>
      <c r="I118" s="434"/>
      <c r="J118" s="497"/>
      <c r="K118" s="725"/>
      <c r="L118" s="725"/>
    </row>
    <row r="119" spans="1:12" ht="15" customHeight="1" x14ac:dyDescent="0.2">
      <c r="A119" s="61" t="s">
        <v>100</v>
      </c>
      <c r="B119" s="498">
        <v>13926525000</v>
      </c>
      <c r="C119" s="498">
        <v>14006950038</v>
      </c>
      <c r="D119" s="498">
        <v>5758961872.9099998</v>
      </c>
      <c r="E119" s="498">
        <v>5758961872.9099998</v>
      </c>
      <c r="F119" s="471">
        <v>8247988165.0900011</v>
      </c>
      <c r="G119" s="471">
        <v>1862398458.1900001</v>
      </c>
      <c r="H119" s="499">
        <v>1901196566.5699999</v>
      </c>
      <c r="I119" s="471">
        <v>12144551579.809999</v>
      </c>
      <c r="J119" s="471">
        <v>1639566447.22</v>
      </c>
      <c r="K119" s="704">
        <v>0</v>
      </c>
      <c r="L119" s="726"/>
    </row>
    <row r="120" spans="1:12" ht="11.25" customHeight="1" x14ac:dyDescent="0.2">
      <c r="A120" s="45" t="s">
        <v>848</v>
      </c>
      <c r="K120" s="717"/>
      <c r="L120" s="717"/>
    </row>
    <row r="121" spans="1:12" ht="11.25" customHeight="1" x14ac:dyDescent="0.2">
      <c r="B121" s="459"/>
      <c r="C121" s="459"/>
      <c r="D121" s="459"/>
      <c r="E121" s="459"/>
      <c r="F121" s="459"/>
      <c r="G121" s="459"/>
      <c r="H121" s="459"/>
      <c r="I121" s="459"/>
      <c r="J121" s="459"/>
    </row>
    <row r="122" spans="1:12" ht="11.25" customHeight="1" x14ac:dyDescent="0.2">
      <c r="B122" s="204"/>
      <c r="C122" s="459"/>
      <c r="D122" s="459"/>
      <c r="E122" s="459"/>
      <c r="F122" s="459"/>
      <c r="G122" s="459"/>
      <c r="H122" s="459"/>
      <c r="I122" s="459"/>
      <c r="J122" s="459"/>
    </row>
    <row r="123" spans="1:12" ht="11.25" customHeight="1" x14ac:dyDescent="0.2">
      <c r="C123" s="204"/>
      <c r="D123" s="204"/>
      <c r="E123" s="204"/>
      <c r="G123" s="204"/>
      <c r="H123" s="204"/>
    </row>
    <row r="124" spans="1:12" ht="11.25" customHeight="1" x14ac:dyDescent="0.2">
      <c r="B124" s="204"/>
      <c r="D124" s="204"/>
    </row>
    <row r="125" spans="1:12" ht="11.25" customHeight="1" x14ac:dyDescent="0.2">
      <c r="B125" s="204"/>
      <c r="D125" s="204"/>
      <c r="E125" s="204"/>
    </row>
    <row r="126" spans="1:12" ht="11.25" customHeight="1" x14ac:dyDescent="0.2">
      <c r="B126" s="204"/>
      <c r="D126" s="204"/>
    </row>
    <row r="127" spans="1:12" ht="11.25" customHeight="1" x14ac:dyDescent="0.2">
      <c r="D127" s="204"/>
    </row>
  </sheetData>
  <dataConsolidate/>
  <customSheetViews>
    <customSheetView guid="{C779D862-DE28-46CD-A428-4AAA1056D1E1}" showPageBreaks="1" showGridLines="0" fitToPage="1" printArea="1" topLeftCell="A5">
      <selection activeCell="A7" sqref="A7:L7"/>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1"/>
      <headerFooter alignWithMargins="0"/>
    </customSheetView>
    <customSheetView guid="{B467DF90-BD78-4523-834B-7425556A2F17}" showPageBreaks="1" showGridLines="0" fitToPage="1" printArea="1" topLeftCell="A67">
      <selection activeCell="A88" sqref="A88"/>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2"/>
      <headerFooter alignWithMargins="0"/>
    </customSheetView>
    <customSheetView guid="{3AAF6A5F-F9AA-430B-9AD9-1261ECDF41B5}" showPageBreaks="1" showGridLines="0" fitToPage="1" printArea="1" topLeftCell="A94">
      <selection activeCell="A108" sqref="A108"/>
      <rowBreaks count="1" manualBreakCount="1">
        <brk id="97" max="16383" man="1"/>
      </rowBreaks>
      <pageMargins left="0.19685039370078741" right="0.19685039370078741" top="0.39370078740157483" bottom="0.19685039370078741" header="0" footer="0"/>
      <printOptions horizontalCentered="1"/>
      <pageSetup paperSize="9" scale="38" fitToHeight="2" orientation="portrait" r:id="rId3"/>
      <headerFooter alignWithMargins="0"/>
    </customSheetView>
    <customSheetView guid="{25EF1E0D-169B-4051-B414-7E1196FC05E4}" showPageBreaks="1" showGridLines="0" fitToPage="1" printArea="1">
      <selection activeCell="A2" sqref="A2"/>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4"/>
      <headerFooter alignWithMargins="0"/>
    </customSheetView>
    <customSheetView guid="{6DBFA32C-4AA4-4E1D-9A48-697377C64CC3}" showPageBreaks="1" showGridLines="0" fitToPage="1" printArea="1" topLeftCell="A55">
      <selection activeCell="B48" sqref="B48:C48"/>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7"/>
      <headerFooter alignWithMargins="0"/>
    </customSheetView>
    <customSheetView guid="{82EDB5A4-4824-4632-A540-7A52C92F04C7}" scale="90" showPageBreaks="1" showGridLines="0" fitToPage="1" printArea="1" hiddenRows="1" topLeftCell="A8">
      <selection activeCell="D33" sqref="D33:E33"/>
      <rowBreaks count="1" manualBreakCount="1">
        <brk id="97" max="16383" man="1"/>
      </rowBreaks>
      <pageMargins left="0.19685039370078741" right="0.19685039370078741" top="0.39370078740157483" bottom="0.19685039370078741" header="0" footer="0"/>
      <printOptions horizontalCentered="1"/>
      <pageSetup paperSize="9" scale="39" fitToHeight="2" orientation="portrait" r:id="rId8"/>
      <headerFooter alignWithMargins="0"/>
    </customSheetView>
  </customSheetViews>
  <mergeCells count="351">
    <mergeCell ref="B71:C71"/>
    <mergeCell ref="B72:C72"/>
    <mergeCell ref="B69:C69"/>
    <mergeCell ref="B70:C70"/>
    <mergeCell ref="B75:C75"/>
    <mergeCell ref="B73:C73"/>
    <mergeCell ref="B74:C74"/>
    <mergeCell ref="B84:C84"/>
    <mergeCell ref="D84:E84"/>
    <mergeCell ref="B83:C83"/>
    <mergeCell ref="D83:E83"/>
    <mergeCell ref="B76:C76"/>
    <mergeCell ref="B77:C77"/>
    <mergeCell ref="B78:C78"/>
    <mergeCell ref="B79:C79"/>
    <mergeCell ref="B80:C80"/>
    <mergeCell ref="B81:C81"/>
    <mergeCell ref="D76:E76"/>
    <mergeCell ref="D77:E77"/>
    <mergeCell ref="D78:E78"/>
    <mergeCell ref="D79:E79"/>
    <mergeCell ref="D80:E80"/>
    <mergeCell ref="D81:E81"/>
    <mergeCell ref="D82:E82"/>
    <mergeCell ref="B60:C60"/>
    <mergeCell ref="B57:C57"/>
    <mergeCell ref="B58:C58"/>
    <mergeCell ref="B63:C63"/>
    <mergeCell ref="B64:C64"/>
    <mergeCell ref="B61:C61"/>
    <mergeCell ref="B62:C62"/>
    <mergeCell ref="B67:C67"/>
    <mergeCell ref="B68:C68"/>
    <mergeCell ref="B65:C65"/>
    <mergeCell ref="B66:C66"/>
    <mergeCell ref="B51:C51"/>
    <mergeCell ref="B52:C52"/>
    <mergeCell ref="B49:C49"/>
    <mergeCell ref="B50:C50"/>
    <mergeCell ref="B55:C55"/>
    <mergeCell ref="B56:C56"/>
    <mergeCell ref="B53:C53"/>
    <mergeCell ref="B54:C54"/>
    <mergeCell ref="B59:C59"/>
    <mergeCell ref="B40:C40"/>
    <mergeCell ref="B35:C35"/>
    <mergeCell ref="B38:C38"/>
    <mergeCell ref="B43:C43"/>
    <mergeCell ref="B44:C44"/>
    <mergeCell ref="B41:C41"/>
    <mergeCell ref="B42:C42"/>
    <mergeCell ref="B47:C47"/>
    <mergeCell ref="B48:C48"/>
    <mergeCell ref="B45:C45"/>
    <mergeCell ref="B46:C46"/>
    <mergeCell ref="B37:C37"/>
    <mergeCell ref="D37:E37"/>
    <mergeCell ref="F37:G37"/>
    <mergeCell ref="I37:J37"/>
    <mergeCell ref="B36:C36"/>
    <mergeCell ref="D36:E36"/>
    <mergeCell ref="F36:G36"/>
    <mergeCell ref="I36:J36"/>
    <mergeCell ref="B39:C39"/>
    <mergeCell ref="B32:C32"/>
    <mergeCell ref="D35:E35"/>
    <mergeCell ref="D38:E38"/>
    <mergeCell ref="D39:E39"/>
    <mergeCell ref="F35:G35"/>
    <mergeCell ref="F38:G38"/>
    <mergeCell ref="F39:G39"/>
    <mergeCell ref="I35:J35"/>
    <mergeCell ref="I38:J38"/>
    <mergeCell ref="I39:J39"/>
    <mergeCell ref="B26:C26"/>
    <mergeCell ref="B31:C31"/>
    <mergeCell ref="B29:C29"/>
    <mergeCell ref="B30:C30"/>
    <mergeCell ref="B27:C27"/>
    <mergeCell ref="I33:J33"/>
    <mergeCell ref="B34:C34"/>
    <mergeCell ref="D34:E34"/>
    <mergeCell ref="F34:G34"/>
    <mergeCell ref="I34:J34"/>
    <mergeCell ref="B33:C33"/>
    <mergeCell ref="D33:E33"/>
    <mergeCell ref="F33:G33"/>
    <mergeCell ref="D32:E32"/>
    <mergeCell ref="F31:G31"/>
    <mergeCell ref="F32:G32"/>
    <mergeCell ref="I31:J31"/>
    <mergeCell ref="I32:J32"/>
    <mergeCell ref="B15:C15"/>
    <mergeCell ref="B21:C21"/>
    <mergeCell ref="B13:C13"/>
    <mergeCell ref="B14:C14"/>
    <mergeCell ref="B19:C19"/>
    <mergeCell ref="B20:C20"/>
    <mergeCell ref="D22:E22"/>
    <mergeCell ref="B28:C28"/>
    <mergeCell ref="D28:E28"/>
    <mergeCell ref="B23:C23"/>
    <mergeCell ref="D23:E23"/>
    <mergeCell ref="B24:C24"/>
    <mergeCell ref="D24:E24"/>
    <mergeCell ref="B25:C25"/>
    <mergeCell ref="D25:E25"/>
    <mergeCell ref="B22:C22"/>
    <mergeCell ref="B17:C17"/>
    <mergeCell ref="B18:C18"/>
    <mergeCell ref="B16:C16"/>
    <mergeCell ref="D13:E13"/>
    <mergeCell ref="D14:E14"/>
    <mergeCell ref="D15:E15"/>
    <mergeCell ref="D16:E16"/>
    <mergeCell ref="D17:E17"/>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A10:A12"/>
    <mergeCell ref="K120:L120"/>
    <mergeCell ref="K96:L96"/>
    <mergeCell ref="J91:J93"/>
    <mergeCell ref="A91:A94"/>
    <mergeCell ref="K109:L109"/>
    <mergeCell ref="K118:L118"/>
    <mergeCell ref="K119:L119"/>
    <mergeCell ref="K117:L117"/>
    <mergeCell ref="K111:L111"/>
    <mergeCell ref="K112:L112"/>
    <mergeCell ref="K113:L113"/>
    <mergeCell ref="K114:L114"/>
    <mergeCell ref="K115:L115"/>
    <mergeCell ref="K116:L116"/>
    <mergeCell ref="K107:L107"/>
    <mergeCell ref="K108:L108"/>
    <mergeCell ref="K110:L110"/>
    <mergeCell ref="K102:L102"/>
    <mergeCell ref="K103:L103"/>
    <mergeCell ref="K104:L104"/>
    <mergeCell ref="K105:L105"/>
    <mergeCell ref="K106:L106"/>
    <mergeCell ref="F91:F93"/>
    <mergeCell ref="I91:I93"/>
    <mergeCell ref="B85:C85"/>
    <mergeCell ref="I85:J85"/>
    <mergeCell ref="B86:C86"/>
    <mergeCell ref="K98:L98"/>
    <mergeCell ref="K99:L99"/>
    <mergeCell ref="K100:L100"/>
    <mergeCell ref="K101:L101"/>
    <mergeCell ref="G91:H91"/>
    <mergeCell ref="K91:L94"/>
    <mergeCell ref="K95:L95"/>
    <mergeCell ref="K97:L97"/>
    <mergeCell ref="D91:E91"/>
    <mergeCell ref="F86:G86"/>
    <mergeCell ref="D86:E86"/>
    <mergeCell ref="D88:E88"/>
    <mergeCell ref="D85:E85"/>
    <mergeCell ref="D87:E87"/>
    <mergeCell ref="B87:C87"/>
    <mergeCell ref="B88:C88"/>
    <mergeCell ref="F85:G85"/>
    <mergeCell ref="I86:J86"/>
    <mergeCell ref="D18:E18"/>
    <mergeCell ref="D19:E19"/>
    <mergeCell ref="D20:E20"/>
    <mergeCell ref="D21:E21"/>
    <mergeCell ref="D26:E26"/>
    <mergeCell ref="D27:E27"/>
    <mergeCell ref="D29:E29"/>
    <mergeCell ref="D30:E30"/>
    <mergeCell ref="D31:E31"/>
    <mergeCell ref="D40:E40"/>
    <mergeCell ref="D41:E41"/>
    <mergeCell ref="D42:E42"/>
    <mergeCell ref="D43:E43"/>
    <mergeCell ref="D44:E44"/>
    <mergeCell ref="D45:E45"/>
    <mergeCell ref="D46:E46"/>
    <mergeCell ref="D47:E47"/>
    <mergeCell ref="D48:E48"/>
    <mergeCell ref="D49:E49"/>
    <mergeCell ref="D50:E50"/>
    <mergeCell ref="D51:E51"/>
    <mergeCell ref="D52:E52"/>
    <mergeCell ref="D53:E53"/>
    <mergeCell ref="D54:E54"/>
    <mergeCell ref="D55:E55"/>
    <mergeCell ref="D56:E56"/>
    <mergeCell ref="D57:E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F13:G13"/>
    <mergeCell ref="F14:G14"/>
    <mergeCell ref="F15:G15"/>
    <mergeCell ref="F16:G16"/>
    <mergeCell ref="F17:G17"/>
    <mergeCell ref="F18:G18"/>
    <mergeCell ref="F19:G19"/>
    <mergeCell ref="F20:G20"/>
    <mergeCell ref="F21:G21"/>
    <mergeCell ref="F22:G22"/>
    <mergeCell ref="F23:G23"/>
    <mergeCell ref="F24:G24"/>
    <mergeCell ref="F25:G25"/>
    <mergeCell ref="F26:G26"/>
    <mergeCell ref="F27:G27"/>
    <mergeCell ref="F28:G28"/>
    <mergeCell ref="F29:G29"/>
    <mergeCell ref="F30:G30"/>
    <mergeCell ref="F40:G40"/>
    <mergeCell ref="F41:G41"/>
    <mergeCell ref="F42:G42"/>
    <mergeCell ref="F43:G43"/>
    <mergeCell ref="F44:G44"/>
    <mergeCell ref="F45:G45"/>
    <mergeCell ref="F46:G46"/>
    <mergeCell ref="F47:G47"/>
    <mergeCell ref="F48:G48"/>
    <mergeCell ref="F49:G49"/>
    <mergeCell ref="F50:G50"/>
    <mergeCell ref="F51:G51"/>
    <mergeCell ref="F52:G52"/>
    <mergeCell ref="F53:G53"/>
    <mergeCell ref="F54:G54"/>
    <mergeCell ref="F55:G55"/>
    <mergeCell ref="F56:G56"/>
    <mergeCell ref="F57:G57"/>
    <mergeCell ref="F58:G58"/>
    <mergeCell ref="F59:G59"/>
    <mergeCell ref="F60:G60"/>
    <mergeCell ref="F61:G61"/>
    <mergeCell ref="F62:G62"/>
    <mergeCell ref="F63:G63"/>
    <mergeCell ref="F64:G64"/>
    <mergeCell ref="F65:G65"/>
    <mergeCell ref="F66:G66"/>
    <mergeCell ref="F67:G67"/>
    <mergeCell ref="F68:G68"/>
    <mergeCell ref="F69:G69"/>
    <mergeCell ref="F70:G70"/>
    <mergeCell ref="F71:G71"/>
    <mergeCell ref="F72:G72"/>
    <mergeCell ref="F73:G73"/>
    <mergeCell ref="F74:G74"/>
    <mergeCell ref="F75:G75"/>
    <mergeCell ref="F76:G76"/>
    <mergeCell ref="F77:G77"/>
    <mergeCell ref="F78:G78"/>
    <mergeCell ref="F79:G79"/>
    <mergeCell ref="F80:G80"/>
    <mergeCell ref="F81:G81"/>
    <mergeCell ref="F82:G82"/>
    <mergeCell ref="F87:G87"/>
    <mergeCell ref="F88:G88"/>
    <mergeCell ref="F84:G84"/>
    <mergeCell ref="F83:G83"/>
    <mergeCell ref="I13:J13"/>
    <mergeCell ref="I14:J14"/>
    <mergeCell ref="I15:J15"/>
    <mergeCell ref="I16:J16"/>
    <mergeCell ref="I17:J17"/>
    <mergeCell ref="I18:J18"/>
    <mergeCell ref="I19:J19"/>
    <mergeCell ref="I20:J20"/>
    <mergeCell ref="I21:J21"/>
    <mergeCell ref="I22:J22"/>
    <mergeCell ref="I23:J23"/>
    <mergeCell ref="I24:J24"/>
    <mergeCell ref="I25:J25"/>
    <mergeCell ref="I26:J26"/>
    <mergeCell ref="I27:J27"/>
    <mergeCell ref="I28:J28"/>
    <mergeCell ref="I29:J29"/>
    <mergeCell ref="I30:J30"/>
    <mergeCell ref="I40:J40"/>
    <mergeCell ref="I41:J41"/>
    <mergeCell ref="I42:J42"/>
    <mergeCell ref="I43:J43"/>
    <mergeCell ref="I44:J44"/>
    <mergeCell ref="I45:J45"/>
    <mergeCell ref="I46:J46"/>
    <mergeCell ref="I47:J47"/>
    <mergeCell ref="I48:J48"/>
    <mergeCell ref="I49:J49"/>
    <mergeCell ref="I50:J50"/>
    <mergeCell ref="I51:J51"/>
    <mergeCell ref="I52:J52"/>
    <mergeCell ref="I53:J53"/>
    <mergeCell ref="I54:J54"/>
    <mergeCell ref="I55:J55"/>
    <mergeCell ref="I56:J56"/>
    <mergeCell ref="I57:J57"/>
    <mergeCell ref="I58:J58"/>
    <mergeCell ref="I59:J59"/>
    <mergeCell ref="I60:J60"/>
    <mergeCell ref="I61:J61"/>
    <mergeCell ref="I62:J62"/>
    <mergeCell ref="I63:J63"/>
    <mergeCell ref="I64:J64"/>
    <mergeCell ref="I65:J65"/>
    <mergeCell ref="I66:J66"/>
    <mergeCell ref="I67:J67"/>
    <mergeCell ref="I68:J68"/>
    <mergeCell ref="I69:J69"/>
    <mergeCell ref="I70:J70"/>
    <mergeCell ref="I71:J71"/>
    <mergeCell ref="I81:J81"/>
    <mergeCell ref="I82:J82"/>
    <mergeCell ref="I87:J87"/>
    <mergeCell ref="I88:J88"/>
    <mergeCell ref="I72:J72"/>
    <mergeCell ref="I73:J73"/>
    <mergeCell ref="I74:J74"/>
    <mergeCell ref="I75:J75"/>
    <mergeCell ref="I76:J76"/>
    <mergeCell ref="I77:J77"/>
    <mergeCell ref="I78:J78"/>
    <mergeCell ref="I79:J79"/>
    <mergeCell ref="I80:J80"/>
    <mergeCell ref="I83:J83"/>
    <mergeCell ref="I84:J84"/>
  </mergeCells>
  <phoneticPr fontId="1" type="noConversion"/>
  <printOptions horizontalCentered="1"/>
  <pageMargins left="0.19685039370078741" right="0.19685039370078741" top="0.39370078740157483" bottom="0.19685039370078741" header="0" footer="0"/>
  <pageSetup paperSize="9" scale="39" fitToHeight="2" orientation="portrait" r:id="rId9"/>
  <headerFooter alignWithMargins="0"/>
  <rowBreaks count="1" manualBreakCount="1">
    <brk id="97" max="16383" man="1"/>
  </rowBreaks>
  <drawing r:id="rId1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pageSetUpPr fitToPage="1"/>
  </sheetPr>
  <dimension ref="A1:G111"/>
  <sheetViews>
    <sheetView showGridLines="0" zoomScaleNormal="100" workbookViewId="0"/>
  </sheetViews>
  <sheetFormatPr defaultColWidth="3.28515625" defaultRowHeight="11.25" customHeight="1" x14ac:dyDescent="0.2"/>
  <cols>
    <col min="1" max="1" width="56.7109375" style="45" customWidth="1"/>
    <col min="2" max="3" width="19.140625" style="45" customWidth="1"/>
    <col min="4" max="4" width="20.140625" style="45" customWidth="1"/>
    <col min="5" max="6" width="17.28515625" style="45" bestFit="1" customWidth="1"/>
    <col min="7" max="7" width="18.140625" style="45" bestFit="1" customWidth="1"/>
    <col min="8" max="16384" width="3.28515625" style="1"/>
  </cols>
  <sheetData>
    <row r="1" spans="1:7" s="26" customFormat="1" ht="14.25" x14ac:dyDescent="0.2">
      <c r="A1" s="343"/>
      <c r="B1" s="343"/>
      <c r="C1" s="343"/>
      <c r="D1" s="343"/>
      <c r="E1" s="343"/>
      <c r="F1" s="343"/>
      <c r="G1" s="343"/>
    </row>
    <row r="2" spans="1:7" s="26" customFormat="1" ht="14.25" x14ac:dyDescent="0.2">
      <c r="A2" s="343"/>
      <c r="B2" s="343"/>
      <c r="C2" s="343"/>
      <c r="D2" s="343"/>
      <c r="E2" s="343"/>
      <c r="F2" s="343"/>
      <c r="G2" s="343"/>
    </row>
    <row r="3" spans="1:7" s="45" customFormat="1" ht="10.5" x14ac:dyDescent="0.2">
      <c r="A3" s="731" t="s">
        <v>637</v>
      </c>
      <c r="B3" s="731"/>
      <c r="C3" s="731"/>
      <c r="D3" s="731"/>
      <c r="E3" s="731"/>
      <c r="F3" s="731"/>
      <c r="G3" s="731"/>
    </row>
    <row r="4" spans="1:7" s="45" customFormat="1" ht="10.5" x14ac:dyDescent="0.2">
      <c r="A4" s="731" t="s">
        <v>105</v>
      </c>
      <c r="B4" s="731"/>
      <c r="C4" s="731"/>
      <c r="D4" s="731"/>
      <c r="E4" s="731"/>
      <c r="F4" s="731"/>
      <c r="G4" s="731"/>
    </row>
    <row r="5" spans="1:7" s="45" customFormat="1" ht="10.5" x14ac:dyDescent="0.2">
      <c r="A5" s="731" t="s">
        <v>211</v>
      </c>
      <c r="B5" s="731"/>
      <c r="C5" s="731"/>
      <c r="D5" s="731"/>
      <c r="E5" s="731"/>
      <c r="F5" s="731"/>
      <c r="G5" s="731"/>
    </row>
    <row r="6" spans="1:7" s="45" customFormat="1" ht="10.5" customHeight="1" x14ac:dyDescent="0.2">
      <c r="A6" s="731" t="s">
        <v>107</v>
      </c>
      <c r="B6" s="731"/>
      <c r="C6" s="731"/>
      <c r="D6" s="731"/>
      <c r="E6" s="731"/>
      <c r="F6" s="731"/>
      <c r="G6" s="731"/>
    </row>
    <row r="7" spans="1:7" s="45" customFormat="1" ht="10.5" customHeight="1" x14ac:dyDescent="0.2">
      <c r="A7" s="731" t="s">
        <v>863</v>
      </c>
      <c r="B7" s="731"/>
      <c r="C7" s="731"/>
      <c r="D7" s="731"/>
      <c r="E7" s="731"/>
      <c r="F7" s="731"/>
      <c r="G7" s="731"/>
    </row>
    <row r="8" spans="1:7" s="26" customFormat="1" ht="10.5" x14ac:dyDescent="0.2"/>
    <row r="9" spans="1:7" s="26" customFormat="1" ht="10.5" x14ac:dyDescent="0.2">
      <c r="A9" s="125" t="s">
        <v>366</v>
      </c>
      <c r="G9" s="225">
        <v>1</v>
      </c>
    </row>
    <row r="10" spans="1:7" ht="15" customHeight="1" x14ac:dyDescent="0.2">
      <c r="A10" s="766" t="s">
        <v>213</v>
      </c>
      <c r="B10" s="740" t="s">
        <v>313</v>
      </c>
      <c r="C10" s="741"/>
      <c r="D10" s="741"/>
      <c r="E10" s="741"/>
      <c r="F10" s="741"/>
      <c r="G10" s="741"/>
    </row>
    <row r="11" spans="1:7" ht="15" customHeight="1" x14ac:dyDescent="0.2">
      <c r="A11" s="769"/>
      <c r="B11" s="740" t="s">
        <v>212</v>
      </c>
      <c r="C11" s="856"/>
      <c r="D11" s="767" t="s">
        <v>427</v>
      </c>
      <c r="E11" s="767" t="s">
        <v>218</v>
      </c>
      <c r="F11" s="767" t="s">
        <v>217</v>
      </c>
      <c r="G11" s="857" t="s">
        <v>426</v>
      </c>
    </row>
    <row r="12" spans="1:7" ht="10.5" customHeight="1" x14ac:dyDescent="0.2">
      <c r="A12" s="769"/>
      <c r="B12" s="214" t="s">
        <v>312</v>
      </c>
      <c r="C12" s="212" t="s">
        <v>214</v>
      </c>
      <c r="D12" s="796"/>
      <c r="E12" s="796"/>
      <c r="F12" s="796"/>
      <c r="G12" s="858"/>
    </row>
    <row r="13" spans="1:7" ht="10.5" x14ac:dyDescent="0.2">
      <c r="A13" s="769"/>
      <c r="B13" s="212" t="s">
        <v>215</v>
      </c>
      <c r="C13" s="212" t="s">
        <v>216</v>
      </c>
      <c r="D13" s="796"/>
      <c r="E13" s="796"/>
      <c r="F13" s="796"/>
      <c r="G13" s="858" t="s">
        <v>116</v>
      </c>
    </row>
    <row r="14" spans="1:7" ht="13.5" customHeight="1" x14ac:dyDescent="0.2">
      <c r="A14" s="770"/>
      <c r="B14" s="210" t="s">
        <v>219</v>
      </c>
      <c r="C14" s="210">
        <v>2015</v>
      </c>
      <c r="D14" s="768"/>
      <c r="E14" s="768"/>
      <c r="F14" s="768"/>
      <c r="G14" s="859"/>
    </row>
    <row r="15" spans="1:7" s="66" customFormat="1" ht="15" customHeight="1" x14ac:dyDescent="0.2">
      <c r="A15" s="219" t="s">
        <v>101</v>
      </c>
      <c r="B15" s="318">
        <v>14333847.23</v>
      </c>
      <c r="C15" s="318">
        <v>483413917.74000001</v>
      </c>
      <c r="D15" s="318">
        <v>180753788.14999998</v>
      </c>
      <c r="E15" s="318">
        <v>148036703.37</v>
      </c>
      <c r="F15" s="318">
        <v>0</v>
      </c>
      <c r="G15" s="488">
        <v>349711061.60000002</v>
      </c>
    </row>
    <row r="16" spans="1:7" ht="10.5" x14ac:dyDescent="0.2">
      <c r="A16" s="26"/>
      <c r="B16" s="534"/>
      <c r="C16" s="534"/>
      <c r="D16" s="534"/>
      <c r="E16" s="534"/>
      <c r="F16" s="536"/>
      <c r="G16" s="536"/>
    </row>
    <row r="17" spans="1:7" s="66" customFormat="1" ht="10.5" x14ac:dyDescent="0.2">
      <c r="A17" s="219" t="s">
        <v>761</v>
      </c>
      <c r="B17" s="318">
        <v>14267825.690000001</v>
      </c>
      <c r="C17" s="318">
        <v>461435150.05000001</v>
      </c>
      <c r="D17" s="318">
        <v>171303881.34999999</v>
      </c>
      <c r="E17" s="545">
        <v>138617255.03</v>
      </c>
      <c r="F17" s="318">
        <v>0</v>
      </c>
      <c r="G17" s="483">
        <v>337085720.71000004</v>
      </c>
    </row>
    <row r="18" spans="1:7" s="66" customFormat="1" ht="10.5" x14ac:dyDescent="0.2">
      <c r="A18" s="26" t="s">
        <v>896</v>
      </c>
      <c r="B18" s="534">
        <v>32871.06</v>
      </c>
      <c r="C18" s="534">
        <v>121215553</v>
      </c>
      <c r="D18" s="534">
        <v>91740393.969999999</v>
      </c>
      <c r="E18" s="454">
        <v>75272065.890000001</v>
      </c>
      <c r="F18" s="683">
        <v>0</v>
      </c>
      <c r="G18" s="536">
        <v>45976358.170000002</v>
      </c>
    </row>
    <row r="19" spans="1:7" s="66" customFormat="1" ht="10.5" x14ac:dyDescent="0.2">
      <c r="A19" s="26" t="s">
        <v>897</v>
      </c>
      <c r="B19" s="534">
        <v>14234954.630000001</v>
      </c>
      <c r="C19" s="534">
        <v>340219597.05000001</v>
      </c>
      <c r="D19" s="534">
        <v>79563487.379999995</v>
      </c>
      <c r="E19" s="454">
        <v>63345189.140000001</v>
      </c>
      <c r="F19" s="683">
        <v>0</v>
      </c>
      <c r="G19" s="536">
        <v>291109362.54000002</v>
      </c>
    </row>
    <row r="20" spans="1:7" ht="10.5" x14ac:dyDescent="0.2">
      <c r="A20" s="26"/>
      <c r="B20" s="534"/>
      <c r="C20" s="534"/>
      <c r="D20" s="534"/>
      <c r="E20" s="534"/>
      <c r="F20" s="536"/>
      <c r="G20" s="536"/>
    </row>
    <row r="21" spans="1:7" s="66" customFormat="1" ht="10.5" x14ac:dyDescent="0.2">
      <c r="A21" s="227" t="s">
        <v>762</v>
      </c>
      <c r="B21" s="318">
        <v>0</v>
      </c>
      <c r="C21" s="318">
        <v>2405217.27</v>
      </c>
      <c r="D21" s="318">
        <v>2405217.27</v>
      </c>
      <c r="E21" s="318">
        <v>2405217.27</v>
      </c>
      <c r="F21" s="318">
        <v>0</v>
      </c>
      <c r="G21" s="483">
        <v>0</v>
      </c>
    </row>
    <row r="22" spans="1:7" ht="10.5" x14ac:dyDescent="0.2">
      <c r="A22" s="126" t="s">
        <v>763</v>
      </c>
      <c r="B22" s="318">
        <v>0</v>
      </c>
      <c r="C22" s="546">
        <v>0</v>
      </c>
      <c r="D22" s="546">
        <v>0</v>
      </c>
      <c r="E22" s="546">
        <v>0</v>
      </c>
      <c r="F22" s="683">
        <v>0</v>
      </c>
      <c r="G22" s="483">
        <v>0</v>
      </c>
    </row>
    <row r="23" spans="1:7" ht="10.5" x14ac:dyDescent="0.2">
      <c r="A23" s="126" t="s">
        <v>764</v>
      </c>
      <c r="B23" s="318">
        <v>0</v>
      </c>
      <c r="C23" s="534">
        <v>781317.27</v>
      </c>
      <c r="D23" s="534">
        <v>781317.27</v>
      </c>
      <c r="E23" s="534">
        <v>781317.27</v>
      </c>
      <c r="F23" s="683">
        <v>0</v>
      </c>
      <c r="G23" s="483">
        <v>0</v>
      </c>
    </row>
    <row r="24" spans="1:7" ht="10.5" x14ac:dyDescent="0.2">
      <c r="A24" s="126" t="s">
        <v>765</v>
      </c>
      <c r="B24" s="318">
        <v>0</v>
      </c>
      <c r="C24" s="534">
        <v>1623900</v>
      </c>
      <c r="D24" s="534">
        <v>1623900</v>
      </c>
      <c r="E24" s="534">
        <v>1623900</v>
      </c>
      <c r="F24" s="683">
        <v>0</v>
      </c>
      <c r="G24" s="536">
        <v>0</v>
      </c>
    </row>
    <row r="25" spans="1:7" ht="10.5" x14ac:dyDescent="0.2">
      <c r="A25" s="26"/>
      <c r="B25" s="318"/>
      <c r="C25" s="534"/>
      <c r="D25" s="534"/>
      <c r="E25" s="534"/>
      <c r="F25" s="536"/>
      <c r="G25" s="536"/>
    </row>
    <row r="26" spans="1:7" s="66" customFormat="1" ht="10.5" x14ac:dyDescent="0.2">
      <c r="A26" s="227" t="s">
        <v>766</v>
      </c>
      <c r="B26" s="318">
        <v>66021.539999999994</v>
      </c>
      <c r="C26" s="318">
        <v>5174126.4400000004</v>
      </c>
      <c r="D26" s="318">
        <v>1873813.14</v>
      </c>
      <c r="E26" s="318">
        <v>1843354.68</v>
      </c>
      <c r="F26" s="318">
        <v>0</v>
      </c>
      <c r="G26" s="483">
        <v>3396793.3000000007</v>
      </c>
    </row>
    <row r="27" spans="1:7" ht="10.5" x14ac:dyDescent="0.2">
      <c r="A27" s="126" t="s">
        <v>767</v>
      </c>
      <c r="B27" s="318">
        <v>0</v>
      </c>
      <c r="C27" s="534">
        <v>0</v>
      </c>
      <c r="D27" s="534">
        <v>0</v>
      </c>
      <c r="E27" s="534">
        <v>0</v>
      </c>
      <c r="F27" s="683">
        <v>0</v>
      </c>
      <c r="G27" s="536">
        <v>0</v>
      </c>
    </row>
    <row r="28" spans="1:7" s="218" customFormat="1" ht="10.5" x14ac:dyDescent="0.2">
      <c r="A28" s="126" t="s">
        <v>768</v>
      </c>
      <c r="B28" s="534">
        <v>66021.539999999994</v>
      </c>
      <c r="C28" s="534">
        <v>5174126.4400000004</v>
      </c>
      <c r="D28" s="534">
        <v>1873813.14</v>
      </c>
      <c r="E28" s="534">
        <v>1843354.68</v>
      </c>
      <c r="F28" s="683">
        <v>0</v>
      </c>
      <c r="G28" s="536">
        <v>3396793.3000000007</v>
      </c>
    </row>
    <row r="29" spans="1:7" s="218" customFormat="1" ht="10.5" x14ac:dyDescent="0.2">
      <c r="A29" s="26"/>
      <c r="B29" s="318"/>
      <c r="C29" s="534"/>
      <c r="D29" s="534"/>
      <c r="E29" s="534"/>
      <c r="F29" s="536"/>
      <c r="G29" s="536"/>
    </row>
    <row r="30" spans="1:7" s="66" customFormat="1" ht="10.5" x14ac:dyDescent="0.2">
      <c r="A30" s="227" t="s">
        <v>230</v>
      </c>
      <c r="B30" s="318">
        <v>0</v>
      </c>
      <c r="C30" s="318">
        <v>14399423.979999999</v>
      </c>
      <c r="D30" s="318">
        <v>5170876.3900000006</v>
      </c>
      <c r="E30" s="318">
        <v>5170876.3900000006</v>
      </c>
      <c r="F30" s="318">
        <v>0</v>
      </c>
      <c r="G30" s="483">
        <v>9228547.5899999999</v>
      </c>
    </row>
    <row r="31" spans="1:7" s="218" customFormat="1" ht="10.5" x14ac:dyDescent="0.2">
      <c r="A31" s="126" t="s">
        <v>769</v>
      </c>
      <c r="B31" s="683">
        <v>0</v>
      </c>
      <c r="C31" s="534">
        <v>14356092.779999999</v>
      </c>
      <c r="D31" s="534">
        <v>5158415.1900000004</v>
      </c>
      <c r="E31" s="534">
        <v>5158415.1900000004</v>
      </c>
      <c r="F31" s="683">
        <v>0</v>
      </c>
      <c r="G31" s="536">
        <v>9197677.5899999999</v>
      </c>
    </row>
    <row r="32" spans="1:7" s="218" customFormat="1" ht="10.5" x14ac:dyDescent="0.2">
      <c r="A32" s="126" t="s">
        <v>770</v>
      </c>
      <c r="B32" s="318">
        <v>0</v>
      </c>
      <c r="C32" s="534">
        <v>43331.199999999997</v>
      </c>
      <c r="D32" s="534">
        <v>12461.2</v>
      </c>
      <c r="E32" s="534">
        <v>12461.2</v>
      </c>
      <c r="F32" s="683">
        <v>0</v>
      </c>
      <c r="G32" s="536">
        <v>30869.999999999996</v>
      </c>
    </row>
    <row r="33" spans="1:7" s="218" customFormat="1" ht="10.5" x14ac:dyDescent="0.2">
      <c r="A33" s="26"/>
      <c r="B33" s="318"/>
      <c r="C33" s="534"/>
      <c r="D33" s="534"/>
      <c r="E33" s="534"/>
      <c r="F33" s="536"/>
      <c r="G33" s="483"/>
    </row>
    <row r="34" spans="1:7" s="66" customFormat="1" ht="10.5" x14ac:dyDescent="0.2">
      <c r="A34" s="227" t="s">
        <v>102</v>
      </c>
      <c r="B34" s="318">
        <v>0</v>
      </c>
      <c r="C34" s="318">
        <v>15513182.24</v>
      </c>
      <c r="D34" s="318">
        <v>13275031.420000002</v>
      </c>
      <c r="E34" s="318">
        <v>11192176.25</v>
      </c>
      <c r="F34" s="318">
        <v>0</v>
      </c>
      <c r="G34" s="483">
        <v>4321005.99</v>
      </c>
    </row>
    <row r="35" spans="1:7" s="218" customFormat="1" ht="10.5" x14ac:dyDescent="0.2">
      <c r="A35" s="227"/>
      <c r="B35" s="318"/>
      <c r="C35" s="534"/>
      <c r="D35" s="534"/>
      <c r="E35" s="534"/>
      <c r="F35" s="536"/>
      <c r="G35" s="483"/>
    </row>
    <row r="36" spans="1:7" s="66" customFormat="1" ht="10.5" x14ac:dyDescent="0.2">
      <c r="A36" s="227" t="s">
        <v>761</v>
      </c>
      <c r="B36" s="318">
        <v>0</v>
      </c>
      <c r="C36" s="318">
        <v>15513182.24</v>
      </c>
      <c r="D36" s="318">
        <v>13275031.420000002</v>
      </c>
      <c r="E36" s="318">
        <v>11192176.25</v>
      </c>
      <c r="F36" s="483">
        <v>0</v>
      </c>
      <c r="G36" s="483">
        <v>4321005.9900000012</v>
      </c>
    </row>
    <row r="37" spans="1:7" s="66" customFormat="1" ht="10.5" x14ac:dyDescent="0.2">
      <c r="A37" s="26" t="s">
        <v>896</v>
      </c>
      <c r="B37" s="683">
        <v>0</v>
      </c>
      <c r="C37" s="534">
        <v>11706567.130000001</v>
      </c>
      <c r="D37" s="534">
        <v>10703853.470000001</v>
      </c>
      <c r="E37" s="534">
        <v>9494969.0999999996</v>
      </c>
      <c r="F37" s="684">
        <v>0</v>
      </c>
      <c r="G37" s="536">
        <v>2211598.0300000012</v>
      </c>
    </row>
    <row r="38" spans="1:7" s="66" customFormat="1" ht="10.5" x14ac:dyDescent="0.2">
      <c r="A38" s="26" t="s">
        <v>897</v>
      </c>
      <c r="B38" s="683">
        <v>0</v>
      </c>
      <c r="C38" s="534">
        <v>3806615.11</v>
      </c>
      <c r="D38" s="534">
        <v>2571177.9500000002</v>
      </c>
      <c r="E38" s="534">
        <v>1697207.15</v>
      </c>
      <c r="F38" s="684">
        <v>0</v>
      </c>
      <c r="G38" s="536">
        <v>2109407.96</v>
      </c>
    </row>
    <row r="39" spans="1:7" s="218" customFormat="1" ht="10.5" x14ac:dyDescent="0.2">
      <c r="A39" s="227"/>
      <c r="B39" s="318"/>
      <c r="C39" s="534"/>
      <c r="D39" s="534"/>
      <c r="E39" s="534"/>
      <c r="F39" s="536"/>
      <c r="G39" s="536"/>
    </row>
    <row r="40" spans="1:7" s="66" customFormat="1" ht="10.5" x14ac:dyDescent="0.2">
      <c r="A40" s="227" t="s">
        <v>762</v>
      </c>
      <c r="B40" s="318">
        <v>0</v>
      </c>
      <c r="C40" s="318">
        <v>0</v>
      </c>
      <c r="D40" s="318">
        <v>0</v>
      </c>
      <c r="E40" s="318">
        <v>0</v>
      </c>
      <c r="F40" s="318">
        <v>0</v>
      </c>
      <c r="G40" s="483">
        <v>0</v>
      </c>
    </row>
    <row r="41" spans="1:7" s="218" customFormat="1" ht="10.5" x14ac:dyDescent="0.2">
      <c r="A41" s="126" t="s">
        <v>763</v>
      </c>
      <c r="B41" s="318">
        <v>0</v>
      </c>
      <c r="C41" s="683">
        <v>0</v>
      </c>
      <c r="D41" s="683">
        <v>0</v>
      </c>
      <c r="E41" s="683">
        <v>0</v>
      </c>
      <c r="F41" s="683">
        <v>0</v>
      </c>
      <c r="G41" s="483">
        <v>0</v>
      </c>
    </row>
    <row r="42" spans="1:7" s="218" customFormat="1" ht="10.5" x14ac:dyDescent="0.2">
      <c r="A42" s="126" t="s">
        <v>764</v>
      </c>
      <c r="B42" s="318">
        <v>0</v>
      </c>
      <c r="C42" s="683">
        <v>0</v>
      </c>
      <c r="D42" s="683">
        <v>0</v>
      </c>
      <c r="E42" s="683">
        <v>0</v>
      </c>
      <c r="F42" s="683">
        <v>0</v>
      </c>
      <c r="G42" s="483">
        <v>0</v>
      </c>
    </row>
    <row r="43" spans="1:7" s="218" customFormat="1" ht="10.5" x14ac:dyDescent="0.2">
      <c r="A43" s="126" t="s">
        <v>765</v>
      </c>
      <c r="B43" s="318">
        <v>0</v>
      </c>
      <c r="C43" s="683">
        <v>0</v>
      </c>
      <c r="D43" s="683">
        <v>0</v>
      </c>
      <c r="E43" s="683">
        <v>0</v>
      </c>
      <c r="F43" s="683">
        <v>0</v>
      </c>
      <c r="G43" s="483">
        <v>0</v>
      </c>
    </row>
    <row r="44" spans="1:7" s="218" customFormat="1" ht="10.5" x14ac:dyDescent="0.2">
      <c r="A44" s="126"/>
      <c r="B44" s="318"/>
      <c r="C44" s="534"/>
      <c r="D44" s="534"/>
      <c r="E44" s="534"/>
      <c r="F44" s="536"/>
      <c r="G44" s="483"/>
    </row>
    <row r="45" spans="1:7" s="66" customFormat="1" ht="10.5" x14ac:dyDescent="0.2">
      <c r="A45" s="227" t="s">
        <v>766</v>
      </c>
      <c r="B45" s="318">
        <v>0</v>
      </c>
      <c r="C45" s="318">
        <v>0</v>
      </c>
      <c r="D45" s="318">
        <v>0</v>
      </c>
      <c r="E45" s="318">
        <v>0</v>
      </c>
      <c r="F45" s="318">
        <v>0</v>
      </c>
      <c r="G45" s="483">
        <v>0</v>
      </c>
    </row>
    <row r="46" spans="1:7" s="218" customFormat="1" ht="10.5" x14ac:dyDescent="0.2">
      <c r="A46" s="126" t="s">
        <v>767</v>
      </c>
      <c r="B46" s="318">
        <v>0</v>
      </c>
      <c r="C46" s="683">
        <v>0</v>
      </c>
      <c r="D46" s="683">
        <v>0</v>
      </c>
      <c r="E46" s="683">
        <v>0</v>
      </c>
      <c r="F46" s="683">
        <v>0</v>
      </c>
      <c r="G46" s="483">
        <v>0</v>
      </c>
    </row>
    <row r="47" spans="1:7" s="218" customFormat="1" ht="10.5" x14ac:dyDescent="0.2">
      <c r="A47" s="126" t="s">
        <v>768</v>
      </c>
      <c r="B47" s="318">
        <v>0</v>
      </c>
      <c r="C47" s="683">
        <v>0</v>
      </c>
      <c r="D47" s="683">
        <v>0</v>
      </c>
      <c r="E47" s="683">
        <v>0</v>
      </c>
      <c r="F47" s="683">
        <v>0</v>
      </c>
      <c r="G47" s="483">
        <v>0</v>
      </c>
    </row>
    <row r="48" spans="1:7" s="218" customFormat="1" ht="10.5" x14ac:dyDescent="0.2">
      <c r="A48" s="126"/>
      <c r="B48" s="318"/>
      <c r="C48" s="534"/>
      <c r="D48" s="534"/>
      <c r="E48" s="534"/>
      <c r="F48" s="536"/>
      <c r="G48" s="483"/>
    </row>
    <row r="49" spans="1:7" s="66" customFormat="1" ht="10.5" x14ac:dyDescent="0.2">
      <c r="A49" s="227" t="s">
        <v>230</v>
      </c>
      <c r="B49" s="318">
        <v>0</v>
      </c>
      <c r="C49" s="318">
        <v>0</v>
      </c>
      <c r="D49" s="318">
        <v>0</v>
      </c>
      <c r="E49" s="318">
        <v>0</v>
      </c>
      <c r="F49" s="318">
        <v>0</v>
      </c>
      <c r="G49" s="483">
        <v>0</v>
      </c>
    </row>
    <row r="50" spans="1:7" s="218" customFormat="1" ht="10.5" x14ac:dyDescent="0.2">
      <c r="A50" s="126" t="s">
        <v>769</v>
      </c>
      <c r="B50" s="683">
        <v>0</v>
      </c>
      <c r="C50" s="683">
        <v>0</v>
      </c>
      <c r="D50" s="683">
        <v>0</v>
      </c>
      <c r="E50" s="683">
        <v>0</v>
      </c>
      <c r="F50" s="683">
        <v>0</v>
      </c>
      <c r="G50" s="483">
        <v>0</v>
      </c>
    </row>
    <row r="51" spans="1:7" ht="15" customHeight="1" x14ac:dyDescent="0.2">
      <c r="A51" s="126" t="s">
        <v>770</v>
      </c>
      <c r="B51" s="683">
        <v>0</v>
      </c>
      <c r="C51" s="683">
        <v>0</v>
      </c>
      <c r="D51" s="683">
        <v>0</v>
      </c>
      <c r="E51" s="683">
        <v>0</v>
      </c>
      <c r="F51" s="683">
        <v>0</v>
      </c>
      <c r="G51" s="483">
        <v>0</v>
      </c>
    </row>
    <row r="52" spans="1:7" ht="15" customHeight="1" x14ac:dyDescent="0.2">
      <c r="A52" s="27" t="s">
        <v>222</v>
      </c>
      <c r="B52" s="440">
        <v>14333847.23</v>
      </c>
      <c r="C52" s="440">
        <v>498927099.98000002</v>
      </c>
      <c r="D52" s="361">
        <v>194028819.56999999</v>
      </c>
      <c r="E52" s="361">
        <v>159228879.62</v>
      </c>
      <c r="F52" s="361">
        <v>0</v>
      </c>
      <c r="G52" s="480">
        <v>354032067.59000003</v>
      </c>
    </row>
    <row r="53" spans="1:7" ht="10.5" x14ac:dyDescent="0.2">
      <c r="A53" s="65"/>
      <c r="B53" s="300"/>
      <c r="C53" s="1"/>
      <c r="D53" s="204"/>
      <c r="E53" s="204"/>
      <c r="F53" s="1"/>
      <c r="G53" s="111"/>
    </row>
    <row r="54" spans="1:7" ht="30" customHeight="1" x14ac:dyDescent="0.2">
      <c r="A54" s="766" t="s">
        <v>213</v>
      </c>
      <c r="B54" s="782" t="s">
        <v>533</v>
      </c>
      <c r="C54" s="783"/>
      <c r="D54" s="783"/>
      <c r="E54" s="783"/>
      <c r="F54" s="811"/>
      <c r="G54" s="780" t="s">
        <v>452</v>
      </c>
    </row>
    <row r="55" spans="1:7" ht="15" customHeight="1" x14ac:dyDescent="0.2">
      <c r="A55" s="769"/>
      <c r="B55" s="740" t="s">
        <v>212</v>
      </c>
      <c r="C55" s="856"/>
      <c r="D55" s="767" t="s">
        <v>218</v>
      </c>
      <c r="E55" s="767" t="s">
        <v>217</v>
      </c>
      <c r="F55" s="857" t="s">
        <v>426</v>
      </c>
      <c r="G55" s="799"/>
    </row>
    <row r="56" spans="1:7" ht="11.25" customHeight="1" x14ac:dyDescent="0.2">
      <c r="A56" s="769"/>
      <c r="B56" s="208" t="s">
        <v>312</v>
      </c>
      <c r="C56" s="209" t="s">
        <v>214</v>
      </c>
      <c r="D56" s="796"/>
      <c r="E56" s="796"/>
      <c r="F56" s="858"/>
      <c r="G56" s="799"/>
    </row>
    <row r="57" spans="1:7" ht="11.25" customHeight="1" x14ac:dyDescent="0.2">
      <c r="A57" s="769"/>
      <c r="B57" s="212" t="s">
        <v>215</v>
      </c>
      <c r="C57" s="212" t="s">
        <v>216</v>
      </c>
      <c r="D57" s="796"/>
      <c r="E57" s="796"/>
      <c r="F57" s="858" t="s">
        <v>117</v>
      </c>
      <c r="G57" s="799"/>
    </row>
    <row r="58" spans="1:7" ht="11.25" customHeight="1" x14ac:dyDescent="0.2">
      <c r="A58" s="770"/>
      <c r="B58" s="210" t="s">
        <v>219</v>
      </c>
      <c r="C58" s="210">
        <v>2015</v>
      </c>
      <c r="D58" s="768"/>
      <c r="E58" s="768"/>
      <c r="F58" s="859"/>
      <c r="G58" s="781"/>
    </row>
    <row r="59" spans="1:7" s="66" customFormat="1" ht="14.25" customHeight="1" x14ac:dyDescent="0.2">
      <c r="A59" s="219" t="s">
        <v>101</v>
      </c>
      <c r="B59" s="318">
        <v>31519345.219999999</v>
      </c>
      <c r="C59" s="318">
        <v>207791194.78</v>
      </c>
      <c r="D59" s="318">
        <v>130275837.85999998</v>
      </c>
      <c r="E59" s="318">
        <v>0</v>
      </c>
      <c r="F59" s="318">
        <v>109034702.14</v>
      </c>
      <c r="G59" s="319">
        <v>458745763.74000001</v>
      </c>
    </row>
    <row r="60" spans="1:7" s="218" customFormat="1" ht="11.25" customHeight="1" x14ac:dyDescent="0.2">
      <c r="A60" s="26"/>
      <c r="B60" s="318"/>
      <c r="C60" s="501"/>
      <c r="D60" s="501"/>
      <c r="E60" s="501"/>
      <c r="F60" s="501"/>
      <c r="G60" s="462"/>
    </row>
    <row r="61" spans="1:7" s="66" customFormat="1" ht="11.25" customHeight="1" x14ac:dyDescent="0.2">
      <c r="A61" s="219" t="s">
        <v>761</v>
      </c>
      <c r="B61" s="318">
        <v>31508651.390000001</v>
      </c>
      <c r="C61" s="507">
        <v>167590925.71000001</v>
      </c>
      <c r="D61" s="507">
        <v>93837840.729999989</v>
      </c>
      <c r="E61" s="507">
        <v>0</v>
      </c>
      <c r="F61" s="425">
        <v>105261736.37</v>
      </c>
      <c r="G61" s="319">
        <v>442347457.08000004</v>
      </c>
    </row>
    <row r="62" spans="1:7" s="264" customFormat="1" ht="11.25" customHeight="1" x14ac:dyDescent="0.2">
      <c r="A62" s="26" t="s">
        <v>895</v>
      </c>
      <c r="B62" s="534">
        <v>24911909.399999999</v>
      </c>
      <c r="C62" s="501">
        <v>54079035.619999997</v>
      </c>
      <c r="D62" s="501">
        <v>29413967.75</v>
      </c>
      <c r="E62" s="501">
        <v>0</v>
      </c>
      <c r="F62" s="427">
        <v>49576977.269999996</v>
      </c>
      <c r="G62" s="462">
        <v>95553335.439999998</v>
      </c>
    </row>
    <row r="63" spans="1:7" s="264" customFormat="1" ht="11.25" customHeight="1" x14ac:dyDescent="0.2">
      <c r="A63" s="26" t="s">
        <v>894</v>
      </c>
      <c r="B63" s="534">
        <v>6596741.9900000002</v>
      </c>
      <c r="C63" s="501">
        <v>113511890.09</v>
      </c>
      <c r="D63" s="501">
        <v>64423872.979999997</v>
      </c>
      <c r="E63" s="501">
        <v>0</v>
      </c>
      <c r="F63" s="427">
        <v>55684759.100000001</v>
      </c>
      <c r="G63" s="462">
        <v>346794121.64000005</v>
      </c>
    </row>
    <row r="64" spans="1:7" s="218" customFormat="1" ht="11.25" customHeight="1" x14ac:dyDescent="0.2">
      <c r="A64" s="26"/>
      <c r="B64" s="318"/>
      <c r="C64" s="501"/>
      <c r="D64" s="501"/>
      <c r="E64" s="501"/>
      <c r="F64" s="501"/>
      <c r="G64" s="462"/>
    </row>
    <row r="65" spans="1:7" s="66" customFormat="1" ht="11.25" customHeight="1" x14ac:dyDescent="0.2">
      <c r="A65" s="227" t="s">
        <v>762</v>
      </c>
      <c r="B65" s="318">
        <v>0</v>
      </c>
      <c r="C65" s="318">
        <v>13672649.220000001</v>
      </c>
      <c r="D65" s="318">
        <v>10272545.610000001</v>
      </c>
      <c r="E65" s="318">
        <v>0</v>
      </c>
      <c r="F65" s="318">
        <v>3400103.6099999994</v>
      </c>
      <c r="G65" s="319">
        <v>3400103.6099999994</v>
      </c>
    </row>
    <row r="66" spans="1:7" s="218" customFormat="1" ht="11.25" customHeight="1" x14ac:dyDescent="0.2">
      <c r="A66" s="126" t="s">
        <v>763</v>
      </c>
      <c r="B66" s="318">
        <v>0</v>
      </c>
      <c r="C66" s="501">
        <v>13069717.07</v>
      </c>
      <c r="D66" s="501">
        <v>9670857.4600000009</v>
      </c>
      <c r="E66" s="681">
        <v>0</v>
      </c>
      <c r="F66" s="427">
        <v>3398859.6099999994</v>
      </c>
      <c r="G66" s="462">
        <v>3398859.6099999994</v>
      </c>
    </row>
    <row r="67" spans="1:7" s="218" customFormat="1" ht="11.25" customHeight="1" x14ac:dyDescent="0.2">
      <c r="A67" s="126" t="s">
        <v>764</v>
      </c>
      <c r="B67" s="683">
        <v>0</v>
      </c>
      <c r="C67" s="501">
        <v>602932.15</v>
      </c>
      <c r="D67" s="501">
        <v>601688.15</v>
      </c>
      <c r="E67" s="681">
        <v>0</v>
      </c>
      <c r="F67" s="427">
        <v>1244</v>
      </c>
      <c r="G67" s="462">
        <v>1244</v>
      </c>
    </row>
    <row r="68" spans="1:7" s="218" customFormat="1" ht="11.25" customHeight="1" x14ac:dyDescent="0.2">
      <c r="A68" s="126" t="s">
        <v>765</v>
      </c>
      <c r="B68" s="318">
        <v>0</v>
      </c>
      <c r="C68" s="501">
        <v>0</v>
      </c>
      <c r="D68" s="501">
        <v>0</v>
      </c>
      <c r="E68" s="681">
        <v>0</v>
      </c>
      <c r="F68" s="427">
        <v>0</v>
      </c>
      <c r="G68" s="462">
        <v>0</v>
      </c>
    </row>
    <row r="69" spans="1:7" s="218" customFormat="1" ht="11.25" customHeight="1" x14ac:dyDescent="0.2">
      <c r="A69" s="26"/>
      <c r="B69" s="318"/>
      <c r="C69" s="501"/>
      <c r="D69" s="501"/>
      <c r="E69" s="501"/>
      <c r="F69" s="501"/>
      <c r="G69" s="462"/>
    </row>
    <row r="70" spans="1:7" s="66" customFormat="1" ht="11.25" customHeight="1" x14ac:dyDescent="0.2">
      <c r="A70" s="227" t="s">
        <v>766</v>
      </c>
      <c r="B70" s="318">
        <v>4555.7000000000007</v>
      </c>
      <c r="C70" s="318">
        <v>26495802.789999999</v>
      </c>
      <c r="D70" s="318">
        <v>26133634.460000001</v>
      </c>
      <c r="E70" s="318">
        <v>0</v>
      </c>
      <c r="F70" s="318">
        <v>366724.03000000026</v>
      </c>
      <c r="G70" s="319">
        <v>3763517.330000001</v>
      </c>
    </row>
    <row r="71" spans="1:7" s="218" customFormat="1" ht="11.25" customHeight="1" x14ac:dyDescent="0.2">
      <c r="A71" s="126" t="s">
        <v>767</v>
      </c>
      <c r="B71" s="534">
        <v>22</v>
      </c>
      <c r="C71" s="501">
        <v>20689211.73</v>
      </c>
      <c r="D71" s="501">
        <v>20341691.57</v>
      </c>
      <c r="E71" s="501">
        <v>0</v>
      </c>
      <c r="F71" s="427">
        <v>347542.16000000015</v>
      </c>
      <c r="G71" s="462">
        <v>347542.16000000015</v>
      </c>
    </row>
    <row r="72" spans="1:7" s="218" customFormat="1" ht="11.25" customHeight="1" x14ac:dyDescent="0.2">
      <c r="A72" s="126" t="s">
        <v>768</v>
      </c>
      <c r="B72" s="534">
        <v>4533.7000000000007</v>
      </c>
      <c r="C72" s="501">
        <v>5806591.0599999996</v>
      </c>
      <c r="D72" s="501">
        <v>5791942.8899999997</v>
      </c>
      <c r="E72" s="501">
        <v>0</v>
      </c>
      <c r="F72" s="427">
        <v>19181.870000000112</v>
      </c>
      <c r="G72" s="462">
        <v>3415975.1700000009</v>
      </c>
    </row>
    <row r="73" spans="1:7" s="218" customFormat="1" ht="11.25" customHeight="1" x14ac:dyDescent="0.2">
      <c r="A73" s="26"/>
      <c r="B73" s="318"/>
      <c r="C73" s="501"/>
      <c r="D73" s="501"/>
      <c r="E73" s="501"/>
      <c r="F73" s="501"/>
      <c r="G73" s="462"/>
    </row>
    <row r="74" spans="1:7" s="66" customFormat="1" ht="11.25" customHeight="1" x14ac:dyDescent="0.2">
      <c r="A74" s="227" t="s">
        <v>230</v>
      </c>
      <c r="B74" s="318">
        <v>6138.13</v>
      </c>
      <c r="C74" s="318">
        <v>31817.06</v>
      </c>
      <c r="D74" s="318">
        <v>31817.06</v>
      </c>
      <c r="E74" s="318">
        <v>0</v>
      </c>
      <c r="F74" s="318">
        <v>6138.130000000001</v>
      </c>
      <c r="G74" s="319">
        <v>9234685.7200000007</v>
      </c>
    </row>
    <row r="75" spans="1:7" s="218" customFormat="1" ht="11.25" customHeight="1" x14ac:dyDescent="0.2">
      <c r="A75" s="126" t="s">
        <v>769</v>
      </c>
      <c r="B75" s="534">
        <v>6138.13</v>
      </c>
      <c r="C75" s="501">
        <v>31817.06</v>
      </c>
      <c r="D75" s="501">
        <v>31817.06</v>
      </c>
      <c r="E75" s="501">
        <v>0</v>
      </c>
      <c r="F75" s="427">
        <v>6138.130000000001</v>
      </c>
      <c r="G75" s="462">
        <v>9203815.7200000007</v>
      </c>
    </row>
    <row r="76" spans="1:7" s="218" customFormat="1" ht="11.25" customHeight="1" x14ac:dyDescent="0.2">
      <c r="A76" s="126" t="s">
        <v>770</v>
      </c>
      <c r="B76" s="318">
        <v>0</v>
      </c>
      <c r="C76" s="501">
        <v>0</v>
      </c>
      <c r="D76" s="501">
        <v>0</v>
      </c>
      <c r="E76" s="501">
        <v>0</v>
      </c>
      <c r="F76" s="427">
        <v>0</v>
      </c>
      <c r="G76" s="462">
        <v>30869.999999999996</v>
      </c>
    </row>
    <row r="77" spans="1:7" s="218" customFormat="1" ht="11.25" customHeight="1" x14ac:dyDescent="0.2">
      <c r="A77" s="26"/>
      <c r="B77" s="318"/>
      <c r="C77" s="501"/>
      <c r="D77" s="501"/>
      <c r="E77" s="501"/>
      <c r="F77" s="501"/>
      <c r="G77" s="462"/>
    </row>
    <row r="78" spans="1:7" s="66" customFormat="1" ht="11.25" customHeight="1" x14ac:dyDescent="0.2">
      <c r="A78" s="227" t="s">
        <v>102</v>
      </c>
      <c r="B78" s="318">
        <v>1729933.7400000002</v>
      </c>
      <c r="C78" s="318">
        <v>24549922.790000003</v>
      </c>
      <c r="D78" s="318">
        <v>11493464.449999999</v>
      </c>
      <c r="E78" s="318">
        <v>0</v>
      </c>
      <c r="F78" s="318">
        <v>14786392.080000002</v>
      </c>
      <c r="G78" s="319">
        <v>19107398.07</v>
      </c>
    </row>
    <row r="79" spans="1:7" s="218" customFormat="1" ht="11.25" customHeight="1" x14ac:dyDescent="0.2">
      <c r="A79" s="227"/>
      <c r="B79" s="318"/>
      <c r="C79" s="501"/>
      <c r="D79" s="501"/>
      <c r="E79" s="501"/>
      <c r="F79" s="501"/>
      <c r="G79" s="462"/>
    </row>
    <row r="80" spans="1:7" s="66" customFormat="1" ht="11.25" customHeight="1" x14ac:dyDescent="0.2">
      <c r="A80" s="227" t="s">
        <v>761</v>
      </c>
      <c r="B80" s="318">
        <v>1729933.7400000002</v>
      </c>
      <c r="C80" s="318">
        <v>16299457.600000001</v>
      </c>
      <c r="D80" s="507">
        <v>3242999.26</v>
      </c>
      <c r="E80" s="507">
        <v>0</v>
      </c>
      <c r="F80" s="507">
        <v>14786392.080000002</v>
      </c>
      <c r="G80" s="319">
        <v>19107398.070000004</v>
      </c>
    </row>
    <row r="81" spans="1:7" s="66" customFormat="1" ht="11.25" customHeight="1" x14ac:dyDescent="0.2">
      <c r="A81" s="26" t="s">
        <v>895</v>
      </c>
      <c r="B81" s="534">
        <v>302748.13</v>
      </c>
      <c r="C81" s="534">
        <v>10601390.470000001</v>
      </c>
      <c r="D81" s="501">
        <v>1419279.05</v>
      </c>
      <c r="E81" s="681">
        <v>0</v>
      </c>
      <c r="F81" s="501">
        <v>9484859.5500000007</v>
      </c>
      <c r="G81" s="462">
        <v>11696457.580000002</v>
      </c>
    </row>
    <row r="82" spans="1:7" s="66" customFormat="1" ht="11.25" customHeight="1" x14ac:dyDescent="0.2">
      <c r="A82" s="26" t="s">
        <v>894</v>
      </c>
      <c r="B82" s="534">
        <v>1427185.61</v>
      </c>
      <c r="C82" s="534">
        <v>5698067.1299999999</v>
      </c>
      <c r="D82" s="501">
        <v>1823720.21</v>
      </c>
      <c r="E82" s="681">
        <v>0</v>
      </c>
      <c r="F82" s="501">
        <v>5301532.53</v>
      </c>
      <c r="G82" s="462">
        <v>7410940.4900000002</v>
      </c>
    </row>
    <row r="83" spans="1:7" s="218" customFormat="1" ht="11.25" customHeight="1" x14ac:dyDescent="0.2">
      <c r="A83" s="227"/>
      <c r="B83" s="318"/>
      <c r="C83" s="501"/>
      <c r="D83" s="501"/>
      <c r="E83" s="501"/>
      <c r="F83" s="501"/>
      <c r="G83" s="462"/>
    </row>
    <row r="84" spans="1:7" s="66" customFormat="1" ht="11.25" customHeight="1" x14ac:dyDescent="0.2">
      <c r="A84" s="227" t="s">
        <v>762</v>
      </c>
      <c r="B84" s="318">
        <v>0</v>
      </c>
      <c r="C84" s="318">
        <v>1437581</v>
      </c>
      <c r="D84" s="318">
        <v>1437581</v>
      </c>
      <c r="E84" s="318">
        <v>0</v>
      </c>
      <c r="F84" s="318">
        <v>0</v>
      </c>
      <c r="G84" s="319">
        <v>0</v>
      </c>
    </row>
    <row r="85" spans="1:7" s="218" customFormat="1" ht="11.25" customHeight="1" x14ac:dyDescent="0.2">
      <c r="A85" s="126" t="s">
        <v>763</v>
      </c>
      <c r="B85" s="318">
        <v>0</v>
      </c>
      <c r="C85" s="501">
        <v>1437581</v>
      </c>
      <c r="D85" s="501">
        <v>1437581</v>
      </c>
      <c r="E85" s="685">
        <v>0</v>
      </c>
      <c r="F85" s="683">
        <v>0</v>
      </c>
      <c r="G85" s="319">
        <v>0</v>
      </c>
    </row>
    <row r="86" spans="1:7" s="218" customFormat="1" ht="11.25" customHeight="1" x14ac:dyDescent="0.2">
      <c r="A86" s="126" t="s">
        <v>764</v>
      </c>
      <c r="B86" s="318">
        <v>0</v>
      </c>
      <c r="C86" s="501">
        <v>0</v>
      </c>
      <c r="D86" s="501">
        <v>0</v>
      </c>
      <c r="E86" s="685">
        <v>0</v>
      </c>
      <c r="F86" s="683">
        <v>0</v>
      </c>
      <c r="G86" s="319">
        <v>0</v>
      </c>
    </row>
    <row r="87" spans="1:7" s="218" customFormat="1" ht="11.25" customHeight="1" x14ac:dyDescent="0.2">
      <c r="A87" s="126" t="s">
        <v>765</v>
      </c>
      <c r="B87" s="318">
        <v>0</v>
      </c>
      <c r="C87" s="501">
        <v>0</v>
      </c>
      <c r="D87" s="501">
        <v>0</v>
      </c>
      <c r="E87" s="685">
        <v>0</v>
      </c>
      <c r="F87" s="683">
        <v>0</v>
      </c>
      <c r="G87" s="319">
        <v>0</v>
      </c>
    </row>
    <row r="88" spans="1:7" s="218" customFormat="1" ht="11.25" customHeight="1" x14ac:dyDescent="0.2">
      <c r="A88" s="126"/>
      <c r="B88" s="318"/>
      <c r="C88" s="501"/>
      <c r="D88" s="501"/>
      <c r="E88" s="501"/>
      <c r="F88" s="501"/>
      <c r="G88" s="462"/>
    </row>
    <row r="89" spans="1:7" s="66" customFormat="1" ht="11.25" customHeight="1" x14ac:dyDescent="0.2">
      <c r="A89" s="227" t="s">
        <v>766</v>
      </c>
      <c r="B89" s="318">
        <v>0</v>
      </c>
      <c r="C89" s="318">
        <v>6812884.1900000004</v>
      </c>
      <c r="D89" s="318">
        <v>6812884.1900000004</v>
      </c>
      <c r="E89" s="318">
        <v>0</v>
      </c>
      <c r="F89" s="318">
        <v>0</v>
      </c>
      <c r="G89" s="319">
        <v>0</v>
      </c>
    </row>
    <row r="90" spans="1:7" s="218" customFormat="1" ht="11.25" customHeight="1" x14ac:dyDescent="0.2">
      <c r="A90" s="126" t="s">
        <v>767</v>
      </c>
      <c r="B90" s="318">
        <v>0</v>
      </c>
      <c r="C90" s="501">
        <v>6812884.1900000004</v>
      </c>
      <c r="D90" s="501">
        <v>6812884.1900000004</v>
      </c>
      <c r="E90" s="685">
        <v>0</v>
      </c>
      <c r="F90" s="683">
        <v>0</v>
      </c>
      <c r="G90" s="319">
        <v>0</v>
      </c>
    </row>
    <row r="91" spans="1:7" s="218" customFormat="1" ht="11.25" customHeight="1" x14ac:dyDescent="0.2">
      <c r="A91" s="126" t="s">
        <v>768</v>
      </c>
      <c r="B91" s="318">
        <v>0</v>
      </c>
      <c r="C91" s="501">
        <v>0</v>
      </c>
      <c r="D91" s="501">
        <v>0</v>
      </c>
      <c r="E91" s="685">
        <v>0</v>
      </c>
      <c r="F91" s="683">
        <v>0</v>
      </c>
      <c r="G91" s="319">
        <v>0</v>
      </c>
    </row>
    <row r="92" spans="1:7" s="218" customFormat="1" ht="11.25" customHeight="1" x14ac:dyDescent="0.2">
      <c r="A92" s="126"/>
      <c r="B92" s="318"/>
      <c r="C92" s="501"/>
      <c r="D92" s="501"/>
      <c r="E92" s="501"/>
      <c r="F92" s="501"/>
      <c r="G92" s="462"/>
    </row>
    <row r="93" spans="1:7" s="66" customFormat="1" ht="11.25" customHeight="1" x14ac:dyDescent="0.2">
      <c r="A93" s="227" t="s">
        <v>230</v>
      </c>
      <c r="B93" s="318">
        <v>0</v>
      </c>
      <c r="C93" s="318">
        <v>0</v>
      </c>
      <c r="D93" s="318">
        <v>0</v>
      </c>
      <c r="E93" s="318">
        <v>0</v>
      </c>
      <c r="F93" s="318">
        <v>0</v>
      </c>
      <c r="G93" s="319">
        <v>0</v>
      </c>
    </row>
    <row r="94" spans="1:7" s="218" customFormat="1" ht="11.25" customHeight="1" x14ac:dyDescent="0.2">
      <c r="A94" s="126" t="s">
        <v>769</v>
      </c>
      <c r="B94" s="318">
        <v>0</v>
      </c>
      <c r="C94" s="501">
        <v>0</v>
      </c>
      <c r="D94" s="501">
        <v>0</v>
      </c>
      <c r="E94" s="501">
        <v>0</v>
      </c>
      <c r="F94" s="683">
        <v>0</v>
      </c>
      <c r="G94" s="682">
        <v>0</v>
      </c>
    </row>
    <row r="95" spans="1:7" s="218" customFormat="1" ht="14.25" customHeight="1" x14ac:dyDescent="0.2">
      <c r="A95" s="126" t="s">
        <v>770</v>
      </c>
      <c r="B95" s="318"/>
      <c r="C95" s="501"/>
      <c r="D95" s="501"/>
      <c r="E95" s="501"/>
      <c r="F95" s="683">
        <v>0</v>
      </c>
      <c r="G95" s="462">
        <v>0</v>
      </c>
    </row>
    <row r="96" spans="1:7" s="66" customFormat="1" ht="15" customHeight="1" x14ac:dyDescent="0.2">
      <c r="A96" s="27" t="s">
        <v>222</v>
      </c>
      <c r="B96" s="440">
        <v>33249278.960000001</v>
      </c>
      <c r="C96" s="440">
        <v>232341117.56999999</v>
      </c>
      <c r="D96" s="440">
        <v>141769302.30999997</v>
      </c>
      <c r="E96" s="440">
        <v>0</v>
      </c>
      <c r="F96" s="440">
        <v>123821094.22</v>
      </c>
      <c r="G96" s="440">
        <v>477853161.81</v>
      </c>
    </row>
    <row r="97" spans="1:7" ht="11.25" customHeight="1" x14ac:dyDescent="0.2">
      <c r="A97" s="45" t="s">
        <v>848</v>
      </c>
      <c r="G97" s="293"/>
    </row>
    <row r="100" spans="1:7" s="264" customFormat="1" ht="11.25" customHeight="1" x14ac:dyDescent="0.2">
      <c r="A100" s="45"/>
      <c r="B100" s="45"/>
      <c r="C100" s="45"/>
      <c r="D100" s="45"/>
      <c r="E100" s="45"/>
      <c r="F100" s="45"/>
      <c r="G100" s="45"/>
    </row>
    <row r="101" spans="1:7" s="264" customFormat="1" ht="11.25" customHeight="1" x14ac:dyDescent="0.2">
      <c r="A101" s="45"/>
      <c r="B101" s="45"/>
      <c r="C101" s="45"/>
      <c r="D101" s="45"/>
      <c r="E101" s="45"/>
      <c r="F101" s="45"/>
      <c r="G101" s="45"/>
    </row>
    <row r="105" spans="1:7" s="45" customFormat="1" ht="11.25" customHeight="1" x14ac:dyDescent="0.2"/>
    <row r="106" spans="1:7" s="45" customFormat="1" ht="11.25" customHeight="1" x14ac:dyDescent="0.2"/>
    <row r="107" spans="1:7" s="45" customFormat="1" ht="11.25" customHeight="1" x14ac:dyDescent="0.2"/>
    <row r="108" spans="1:7" s="45" customFormat="1" ht="11.25" customHeight="1" x14ac:dyDescent="0.2"/>
    <row r="109" spans="1:7" s="45" customFormat="1" ht="11.25" customHeight="1" x14ac:dyDescent="0.2"/>
    <row r="110" spans="1:7" s="45" customFormat="1" ht="11.25" customHeight="1" x14ac:dyDescent="0.2"/>
    <row r="111" spans="1:7" s="45" customFormat="1" ht="11.25" customHeight="1" x14ac:dyDescent="0.2"/>
  </sheetData>
  <customSheetViews>
    <customSheetView guid="{C779D862-DE28-46CD-A428-4AAA1056D1E1}" showPageBreaks="1" showGridLines="0" fitToPage="1" printArea="1">
      <selection activeCell="H27" sqref="H27"/>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B467DF90-BD78-4523-834B-7425556A2F17}" scale="115" showPageBreaks="1" showGridLines="0" fitToPage="1" printArea="1">
      <selection activeCell="D65" sqref="D65"/>
      <pageMargins left="0.19685039370078741" right="0.19685039370078741" top="0.59055118110236227" bottom="0.19685039370078741" header="0" footer="0"/>
      <printOptions horizontalCentered="1"/>
      <pageSetup paperSize="9" scale="61" orientation="portrait" r:id="rId2"/>
      <headerFooter alignWithMargins="0"/>
    </customSheetView>
    <customSheetView guid="{3AAF6A5F-F9AA-430B-9AD9-1261ECDF41B5}" showPageBreaks="1" showGridLines="0" fitToPage="1" printArea="1" topLeftCell="A31">
      <selection activeCell="H39" sqref="H39"/>
      <pageMargins left="0.19685039370078741" right="0.19685039370078741" top="0.59055118110236227" bottom="0.19685039370078741" header="0" footer="0"/>
      <printOptions horizontalCentered="1"/>
      <pageSetup paperSize="9" scale="60" orientation="portrait" r:id="rId3"/>
      <headerFooter alignWithMargins="0"/>
    </customSheetView>
    <customSheetView guid="{25EF1E0D-169B-4051-B414-7E1196FC05E4}" showPageBreaks="1" showGridLines="0" fitToPage="1" printArea="1" topLeftCell="A7">
      <selection activeCell="D11" sqref="D11:D14"/>
      <pageMargins left="0.19685039370078741" right="0.19685039370078741" top="0.59055118110236227" bottom="0.19685039370078741" header="0" footer="0"/>
      <printOptions horizontalCentered="1"/>
      <pageSetup paperSize="9" scale="61" orientation="portrait" r:id="rId4"/>
      <headerFooter alignWithMargins="0"/>
    </customSheetView>
    <customSheetView guid="{6DBFA32C-4AA4-4E1D-9A48-697377C64CC3}" showPageBreaks="1" showGridLines="0" fitToPage="1" printArea="1" topLeftCell="A79">
      <selection activeCell="A94" sqref="A94:XFD94"/>
      <pageMargins left="0.19685039370078741" right="0.19685039370078741" top="0.59055118110236227" bottom="0.19685039370078741" header="0" footer="0"/>
      <printOptions horizontalCentered="1"/>
      <pageSetup paperSize="9" scale="61" orientation="portrait" r:id="rId5"/>
      <headerFooter alignWithMargins="0"/>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7"/>
      <headerFooter alignWithMargins="0">
        <oddFooter>&amp;A</oddFooter>
      </headerFooter>
    </customSheetView>
    <customSheetView guid="{82EDB5A4-4824-4632-A540-7A52C92F04C7}" showPageBreaks="1" showGridLines="0" fitToPage="1" printArea="1">
      <selection activeCell="F88" sqref="F88"/>
      <pageMargins left="0.19685039370078741" right="0.19685039370078741" top="0.59055118110236227" bottom="0.19685039370078741" header="0" footer="0"/>
      <printOptions horizontalCentered="1"/>
      <pageSetup paperSize="9" scale="61" orientation="portrait" r:id="rId8"/>
      <headerFooter alignWithMargins="0"/>
    </customSheetView>
  </customSheetViews>
  <mergeCells count="21">
    <mergeCell ref="A3:G3"/>
    <mergeCell ref="A4:G4"/>
    <mergeCell ref="A5:G5"/>
    <mergeCell ref="A6:G6"/>
    <mergeCell ref="A7:G7"/>
    <mergeCell ref="A54:A58"/>
    <mergeCell ref="B55:C55"/>
    <mergeCell ref="A10:A14"/>
    <mergeCell ref="G11:G12"/>
    <mergeCell ref="D55:D58"/>
    <mergeCell ref="E11:E14"/>
    <mergeCell ref="F11:F14"/>
    <mergeCell ref="G54:G58"/>
    <mergeCell ref="F55:F56"/>
    <mergeCell ref="F57:F58"/>
    <mergeCell ref="E55:E58"/>
    <mergeCell ref="B11:C11"/>
    <mergeCell ref="B54:F54"/>
    <mergeCell ref="B10:G10"/>
    <mergeCell ref="G13:G14"/>
    <mergeCell ref="D11:D14"/>
  </mergeCells>
  <printOptions horizontalCentered="1"/>
  <pageMargins left="0.19685039370078741" right="0.19685039370078741" top="0.59055118110236227" bottom="0.19685039370078741" header="0" footer="0"/>
  <pageSetup paperSize="9" scale="61" orientation="portrait" r:id="rId9"/>
  <headerFooter alignWithMargins="0"/>
  <drawing r:id="rId1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97"/>
  <sheetViews>
    <sheetView showGridLines="0" zoomScaleNormal="100" workbookViewId="0"/>
  </sheetViews>
  <sheetFormatPr defaultRowHeight="10.5" x14ac:dyDescent="0.2"/>
  <cols>
    <col min="1" max="1" width="80.7109375" style="274" customWidth="1"/>
    <col min="2" max="2" width="19" style="83" customWidth="1"/>
    <col min="3" max="3" width="19" style="83" bestFit="1" customWidth="1"/>
    <col min="4" max="4" width="17" style="83" customWidth="1"/>
    <col min="5" max="5" width="15.85546875" style="83" customWidth="1"/>
    <col min="6" max="6" width="19" style="83" bestFit="1" customWidth="1"/>
    <col min="7" max="7" width="17.28515625" style="83" bestFit="1" customWidth="1"/>
    <col min="8" max="8" width="16.7109375" style="83" customWidth="1"/>
    <col min="9" max="16384" width="9.140625" style="83"/>
  </cols>
  <sheetData>
    <row r="1" spans="1:8" s="137" customFormat="1" x14ac:dyDescent="0.2">
      <c r="A1" s="445"/>
      <c r="B1" s="134"/>
      <c r="C1" s="134"/>
      <c r="D1" s="134"/>
      <c r="E1" s="134"/>
      <c r="F1" s="134"/>
      <c r="G1" s="134"/>
      <c r="H1" s="134"/>
    </row>
    <row r="2" spans="1:8" s="137" customFormat="1" x14ac:dyDescent="0.2">
      <c r="A2" s="269"/>
      <c r="B2" s="134"/>
      <c r="C2" s="134"/>
      <c r="D2" s="134"/>
      <c r="E2" s="134"/>
      <c r="F2" s="134"/>
    </row>
    <row r="3" spans="1:8" s="141" customFormat="1" x14ac:dyDescent="0.2">
      <c r="A3" s="949" t="s">
        <v>637</v>
      </c>
      <c r="B3" s="949"/>
      <c r="C3" s="949"/>
      <c r="D3" s="949"/>
      <c r="E3" s="949"/>
      <c r="F3" s="949"/>
      <c r="G3" s="949"/>
      <c r="H3" s="949"/>
    </row>
    <row r="4" spans="1:8" s="141" customFormat="1" x14ac:dyDescent="0.2">
      <c r="A4" s="949" t="s">
        <v>105</v>
      </c>
      <c r="B4" s="949"/>
      <c r="C4" s="949"/>
      <c r="D4" s="949"/>
      <c r="E4" s="949"/>
      <c r="F4" s="949"/>
      <c r="G4" s="949"/>
      <c r="H4" s="949"/>
    </row>
    <row r="5" spans="1:8" s="141" customFormat="1" x14ac:dyDescent="0.2">
      <c r="A5" s="949" t="s">
        <v>231</v>
      </c>
      <c r="B5" s="949"/>
      <c r="C5" s="949"/>
      <c r="D5" s="949"/>
      <c r="E5" s="949"/>
      <c r="F5" s="949"/>
      <c r="G5" s="949"/>
      <c r="H5" s="949"/>
    </row>
    <row r="6" spans="1:8" s="141" customFormat="1" x14ac:dyDescent="0.2">
      <c r="A6" s="949" t="s">
        <v>107</v>
      </c>
      <c r="B6" s="949"/>
      <c r="C6" s="949"/>
      <c r="D6" s="949"/>
      <c r="E6" s="949"/>
      <c r="F6" s="949"/>
      <c r="G6" s="949"/>
      <c r="H6" s="949"/>
    </row>
    <row r="7" spans="1:8" s="141" customFormat="1" x14ac:dyDescent="0.2">
      <c r="A7" s="949" t="s">
        <v>863</v>
      </c>
      <c r="B7" s="949"/>
      <c r="C7" s="949"/>
      <c r="D7" s="949"/>
      <c r="E7" s="949"/>
      <c r="F7" s="949"/>
      <c r="G7" s="949"/>
      <c r="H7" s="949"/>
    </row>
    <row r="8" spans="1:8" s="137" customFormat="1" x14ac:dyDescent="0.2">
      <c r="A8" s="270" t="s">
        <v>616</v>
      </c>
      <c r="B8" s="135"/>
      <c r="C8" s="135"/>
      <c r="D8" s="135"/>
      <c r="E8" s="135"/>
      <c r="F8" s="417"/>
      <c r="H8" s="225">
        <v>1</v>
      </c>
    </row>
    <row r="9" spans="1:8" s="224" customFormat="1" x14ac:dyDescent="0.2">
      <c r="A9" s="873" t="s">
        <v>187</v>
      </c>
      <c r="B9" s="873"/>
      <c r="C9" s="873"/>
      <c r="D9" s="873"/>
      <c r="E9" s="873"/>
      <c r="F9" s="873"/>
      <c r="G9" s="873"/>
      <c r="H9" s="873"/>
    </row>
    <row r="10" spans="1:8" s="224" customFormat="1" x14ac:dyDescent="0.15">
      <c r="A10" s="864" t="s">
        <v>842</v>
      </c>
      <c r="B10" s="894" t="s">
        <v>108</v>
      </c>
      <c r="C10" s="895"/>
      <c r="D10" s="894" t="s">
        <v>108</v>
      </c>
      <c r="E10" s="895"/>
      <c r="F10" s="862" t="s">
        <v>109</v>
      </c>
      <c r="G10" s="873"/>
      <c r="H10" s="873"/>
    </row>
    <row r="11" spans="1:8" s="224" customFormat="1" x14ac:dyDescent="0.2">
      <c r="A11" s="865"/>
      <c r="B11" s="858" t="s">
        <v>111</v>
      </c>
      <c r="C11" s="890"/>
      <c r="D11" s="858" t="s">
        <v>112</v>
      </c>
      <c r="E11" s="890"/>
      <c r="F11" s="857" t="s">
        <v>115</v>
      </c>
      <c r="G11" s="889"/>
      <c r="H11" s="221" t="s">
        <v>114</v>
      </c>
    </row>
    <row r="12" spans="1:8" s="224" customFormat="1" x14ac:dyDescent="0.2">
      <c r="A12" s="402" t="s">
        <v>843</v>
      </c>
      <c r="B12" s="859"/>
      <c r="C12" s="893"/>
      <c r="D12" s="950" t="s">
        <v>116</v>
      </c>
      <c r="E12" s="951"/>
      <c r="F12" s="950" t="s">
        <v>117</v>
      </c>
      <c r="G12" s="951"/>
      <c r="H12" s="411" t="s">
        <v>188</v>
      </c>
    </row>
    <row r="13" spans="1:8" s="224" customFormat="1" ht="14.25" customHeight="1" x14ac:dyDescent="0.2">
      <c r="A13" s="240" t="s">
        <v>189</v>
      </c>
      <c r="B13" s="943">
        <v>8815620800</v>
      </c>
      <c r="C13" s="952"/>
      <c r="D13" s="943">
        <v>8815742678.4099998</v>
      </c>
      <c r="E13" s="952"/>
      <c r="F13" s="943">
        <v>1623759340.3900003</v>
      </c>
      <c r="G13" s="952"/>
      <c r="H13" s="547">
        <v>18.418860436644007</v>
      </c>
    </row>
    <row r="14" spans="1:8" s="224" customFormat="1" ht="31.5" x14ac:dyDescent="0.2">
      <c r="A14" s="232" t="s">
        <v>367</v>
      </c>
      <c r="B14" s="922">
        <v>7779474600</v>
      </c>
      <c r="C14" s="923"/>
      <c r="D14" s="922">
        <v>7779474600</v>
      </c>
      <c r="E14" s="923"/>
      <c r="F14" s="922">
        <v>1207132368.6500001</v>
      </c>
      <c r="G14" s="923"/>
      <c r="H14" s="547">
        <v>15.516888102571864</v>
      </c>
    </row>
    <row r="15" spans="1:8" s="18" customFormat="1" x14ac:dyDescent="0.2">
      <c r="A15" s="271" t="s">
        <v>317</v>
      </c>
      <c r="B15" s="686">
        <v>7655071400</v>
      </c>
      <c r="C15" s="687"/>
      <c r="D15" s="686">
        <v>7655071400</v>
      </c>
      <c r="E15" s="687"/>
      <c r="F15" s="878">
        <v>1188925517.27</v>
      </c>
      <c r="G15" s="924"/>
      <c r="H15" s="547">
        <v>15.531213951446619</v>
      </c>
    </row>
    <row r="16" spans="1:8" s="18" customFormat="1" x14ac:dyDescent="0.2">
      <c r="A16" s="271" t="s">
        <v>318</v>
      </c>
      <c r="B16" s="686">
        <v>28506000</v>
      </c>
      <c r="C16" s="687"/>
      <c r="D16" s="686">
        <v>28506000</v>
      </c>
      <c r="E16" s="687"/>
      <c r="F16" s="878">
        <v>4898318.6399999997</v>
      </c>
      <c r="G16" s="924"/>
      <c r="H16" s="547">
        <v>17.183465375710373</v>
      </c>
    </row>
    <row r="17" spans="1:8" s="18" customFormat="1" x14ac:dyDescent="0.2">
      <c r="A17" s="271" t="s">
        <v>319</v>
      </c>
      <c r="B17" s="686">
        <v>16137200</v>
      </c>
      <c r="C17" s="687"/>
      <c r="D17" s="686">
        <v>16137200</v>
      </c>
      <c r="E17" s="687"/>
      <c r="F17" s="878">
        <v>952457.88</v>
      </c>
      <c r="G17" s="924"/>
      <c r="H17" s="547">
        <v>5.9022499566219668</v>
      </c>
    </row>
    <row r="18" spans="1:8" s="18" customFormat="1" ht="21" x14ac:dyDescent="0.2">
      <c r="A18" s="271" t="s">
        <v>320</v>
      </c>
      <c r="B18" s="922">
        <v>0</v>
      </c>
      <c r="C18" s="923"/>
      <c r="D18" s="686">
        <v>0</v>
      </c>
      <c r="E18" s="687"/>
      <c r="F18" s="922">
        <v>0</v>
      </c>
      <c r="G18" s="923"/>
      <c r="H18" s="547">
        <v>0</v>
      </c>
    </row>
    <row r="19" spans="1:8" s="18" customFormat="1" x14ac:dyDescent="0.2">
      <c r="A19" s="253" t="s">
        <v>321</v>
      </c>
      <c r="B19" s="698">
        <v>0</v>
      </c>
      <c r="C19" s="699"/>
      <c r="D19" s="686">
        <v>0</v>
      </c>
      <c r="E19" s="687"/>
      <c r="F19" s="922">
        <v>0</v>
      </c>
      <c r="G19" s="923"/>
      <c r="H19" s="547">
        <v>0</v>
      </c>
    </row>
    <row r="20" spans="1:8" s="18" customFormat="1" ht="21" x14ac:dyDescent="0.2">
      <c r="A20" s="253" t="s">
        <v>322</v>
      </c>
      <c r="B20" s="686">
        <v>79760000</v>
      </c>
      <c r="C20" s="687"/>
      <c r="D20" s="686">
        <v>79760000</v>
      </c>
      <c r="E20" s="687"/>
      <c r="F20" s="878">
        <v>12356074.859999999</v>
      </c>
      <c r="G20" s="924"/>
      <c r="H20" s="547">
        <v>15.491568279839518</v>
      </c>
    </row>
    <row r="21" spans="1:8" s="18" customFormat="1" x14ac:dyDescent="0.2">
      <c r="A21" s="14" t="s">
        <v>323</v>
      </c>
      <c r="B21" s="698">
        <v>0</v>
      </c>
      <c r="C21" s="699"/>
      <c r="D21" s="686">
        <v>0</v>
      </c>
      <c r="E21" s="687"/>
      <c r="F21" s="922">
        <v>0</v>
      </c>
      <c r="G21" s="923"/>
      <c r="H21" s="547">
        <v>0</v>
      </c>
    </row>
    <row r="22" spans="1:8" s="224" customFormat="1" ht="21" x14ac:dyDescent="0.2">
      <c r="A22" s="232" t="s">
        <v>324</v>
      </c>
      <c r="B22" s="922">
        <v>115254600</v>
      </c>
      <c r="C22" s="923"/>
      <c r="D22" s="922">
        <v>115254600</v>
      </c>
      <c r="E22" s="923"/>
      <c r="F22" s="922">
        <v>40219384.439999998</v>
      </c>
      <c r="G22" s="923"/>
      <c r="H22" s="547">
        <v>34.896120796913962</v>
      </c>
    </row>
    <row r="23" spans="1:8" s="18" customFormat="1" x14ac:dyDescent="0.2">
      <c r="A23" s="271" t="s">
        <v>325</v>
      </c>
      <c r="B23" s="878">
        <v>114800000</v>
      </c>
      <c r="C23" s="924"/>
      <c r="D23" s="686">
        <v>114800000</v>
      </c>
      <c r="E23" s="687"/>
      <c r="F23" s="878">
        <v>40113124.859999999</v>
      </c>
      <c r="G23" s="924"/>
      <c r="H23" s="547">
        <v>34.941746393728224</v>
      </c>
    </row>
    <row r="24" spans="1:8" s="18" customFormat="1" x14ac:dyDescent="0.2">
      <c r="A24" s="271" t="s">
        <v>326</v>
      </c>
      <c r="B24" s="878">
        <v>454600</v>
      </c>
      <c r="C24" s="924"/>
      <c r="D24" s="686">
        <v>454600</v>
      </c>
      <c r="E24" s="687"/>
      <c r="F24" s="878">
        <v>106259.58</v>
      </c>
      <c r="G24" s="924"/>
      <c r="H24" s="547">
        <v>23.374302683677957</v>
      </c>
    </row>
    <row r="25" spans="1:8" s="18" customFormat="1" x14ac:dyDescent="0.2">
      <c r="A25" s="271" t="s">
        <v>327</v>
      </c>
      <c r="B25" s="922">
        <v>0</v>
      </c>
      <c r="C25" s="923"/>
      <c r="D25" s="686">
        <v>0</v>
      </c>
      <c r="E25" s="687"/>
      <c r="F25" s="922">
        <v>0</v>
      </c>
      <c r="G25" s="923"/>
      <c r="H25" s="547">
        <v>0</v>
      </c>
    </row>
    <row r="26" spans="1:8" s="18" customFormat="1" ht="21" x14ac:dyDescent="0.2">
      <c r="A26" s="271" t="s">
        <v>328</v>
      </c>
      <c r="B26" s="922">
        <v>0</v>
      </c>
      <c r="C26" s="923"/>
      <c r="D26" s="686">
        <v>0</v>
      </c>
      <c r="E26" s="687"/>
      <c r="F26" s="922">
        <v>0</v>
      </c>
      <c r="G26" s="923"/>
      <c r="H26" s="547">
        <v>0</v>
      </c>
    </row>
    <row r="27" spans="1:8" s="18" customFormat="1" x14ac:dyDescent="0.2">
      <c r="A27" s="256" t="s">
        <v>333</v>
      </c>
      <c r="B27" s="922">
        <v>0</v>
      </c>
      <c r="C27" s="923"/>
      <c r="D27" s="686">
        <v>0</v>
      </c>
      <c r="E27" s="687"/>
      <c r="F27" s="922">
        <v>0</v>
      </c>
      <c r="G27" s="923"/>
      <c r="H27" s="547">
        <v>0</v>
      </c>
    </row>
    <row r="28" spans="1:8" s="224" customFormat="1" ht="21" x14ac:dyDescent="0.2">
      <c r="A28" s="232" t="s">
        <v>337</v>
      </c>
      <c r="B28" s="922">
        <v>332391600</v>
      </c>
      <c r="C28" s="923"/>
      <c r="D28" s="922">
        <v>332513478.41000003</v>
      </c>
      <c r="E28" s="923"/>
      <c r="F28" s="922">
        <v>290420990.43000001</v>
      </c>
      <c r="G28" s="923"/>
      <c r="H28" s="547">
        <v>87.341118266460583</v>
      </c>
    </row>
    <row r="29" spans="1:8" s="18" customFormat="1" x14ac:dyDescent="0.2">
      <c r="A29" s="271" t="s">
        <v>329</v>
      </c>
      <c r="B29" s="878">
        <v>317100000</v>
      </c>
      <c r="C29" s="924"/>
      <c r="D29" s="686">
        <v>317100000</v>
      </c>
      <c r="E29" s="687"/>
      <c r="F29" s="878">
        <v>288734122.19999999</v>
      </c>
      <c r="G29" s="924"/>
      <c r="H29" s="547">
        <v>91.054595458845782</v>
      </c>
    </row>
    <row r="30" spans="1:8" s="18" customFormat="1" x14ac:dyDescent="0.2">
      <c r="A30" s="271" t="s">
        <v>330</v>
      </c>
      <c r="B30" s="878">
        <v>15259400</v>
      </c>
      <c r="C30" s="924"/>
      <c r="D30" s="686">
        <v>15259400</v>
      </c>
      <c r="E30" s="687"/>
      <c r="F30" s="878">
        <v>1532789.82</v>
      </c>
      <c r="G30" s="924"/>
      <c r="H30" s="547">
        <v>10.044889183060933</v>
      </c>
    </row>
    <row r="31" spans="1:8" s="18" customFormat="1" x14ac:dyDescent="0.2">
      <c r="A31" s="271" t="s">
        <v>331</v>
      </c>
      <c r="B31" s="878">
        <v>32200</v>
      </c>
      <c r="C31" s="924"/>
      <c r="D31" s="686">
        <v>154078.41</v>
      </c>
      <c r="E31" s="687"/>
      <c r="F31" s="878">
        <v>154078.41</v>
      </c>
      <c r="G31" s="924"/>
      <c r="H31" s="547">
        <v>100</v>
      </c>
    </row>
    <row r="32" spans="1:8" s="18" customFormat="1" ht="21" x14ac:dyDescent="0.2">
      <c r="A32" s="271" t="s">
        <v>332</v>
      </c>
      <c r="B32" s="922">
        <v>0</v>
      </c>
      <c r="C32" s="923"/>
      <c r="D32" s="686">
        <v>0</v>
      </c>
      <c r="E32" s="687"/>
      <c r="F32" s="922">
        <v>0</v>
      </c>
      <c r="G32" s="923"/>
      <c r="H32" s="547">
        <v>0</v>
      </c>
    </row>
    <row r="33" spans="1:8" s="18" customFormat="1" x14ac:dyDescent="0.2">
      <c r="A33" s="256" t="s">
        <v>334</v>
      </c>
      <c r="B33" s="922">
        <v>0</v>
      </c>
      <c r="C33" s="923"/>
      <c r="D33" s="686">
        <v>0</v>
      </c>
      <c r="E33" s="687"/>
      <c r="F33" s="922">
        <v>0</v>
      </c>
      <c r="G33" s="923"/>
      <c r="H33" s="547">
        <v>0</v>
      </c>
    </row>
    <row r="34" spans="1:8" s="224" customFormat="1" ht="21" x14ac:dyDescent="0.2">
      <c r="A34" s="232" t="s">
        <v>338</v>
      </c>
      <c r="B34" s="922">
        <v>588500000</v>
      </c>
      <c r="C34" s="923"/>
      <c r="D34" s="922">
        <v>588500000</v>
      </c>
      <c r="E34" s="923"/>
      <c r="F34" s="922">
        <v>85986596.870000005</v>
      </c>
      <c r="G34" s="923"/>
      <c r="H34" s="547">
        <v>14.611146451996602</v>
      </c>
    </row>
    <row r="35" spans="1:8" s="18" customFormat="1" x14ac:dyDescent="0.2">
      <c r="A35" s="271" t="s">
        <v>336</v>
      </c>
      <c r="B35" s="878">
        <v>588500000</v>
      </c>
      <c r="C35" s="924"/>
      <c r="D35" s="686">
        <v>588500000</v>
      </c>
      <c r="E35" s="687"/>
      <c r="F35" s="878">
        <v>85986596.870000005</v>
      </c>
      <c r="G35" s="924"/>
      <c r="H35" s="547">
        <v>14.611146451996602</v>
      </c>
    </row>
    <row r="36" spans="1:8" s="18" customFormat="1" x14ac:dyDescent="0.2">
      <c r="A36" s="271" t="s">
        <v>453</v>
      </c>
      <c r="B36" s="922">
        <v>0</v>
      </c>
      <c r="C36" s="923"/>
      <c r="D36" s="686">
        <v>0</v>
      </c>
      <c r="E36" s="687"/>
      <c r="F36" s="922">
        <v>0</v>
      </c>
      <c r="G36" s="923"/>
      <c r="H36" s="547">
        <v>0</v>
      </c>
    </row>
    <row r="37" spans="1:8" s="18" customFormat="1" x14ac:dyDescent="0.2">
      <c r="A37" s="271" t="s">
        <v>454</v>
      </c>
      <c r="B37" s="922">
        <v>0</v>
      </c>
      <c r="C37" s="923"/>
      <c r="D37" s="686">
        <v>0</v>
      </c>
      <c r="E37" s="687"/>
      <c r="F37" s="922">
        <v>0</v>
      </c>
      <c r="G37" s="923"/>
      <c r="H37" s="547">
        <v>0</v>
      </c>
    </row>
    <row r="38" spans="1:8" s="18" customFormat="1" ht="21" x14ac:dyDescent="0.2">
      <c r="A38" s="271" t="s">
        <v>455</v>
      </c>
      <c r="B38" s="922">
        <v>0</v>
      </c>
      <c r="C38" s="923"/>
      <c r="D38" s="686">
        <v>0</v>
      </c>
      <c r="E38" s="687"/>
      <c r="F38" s="922">
        <v>0</v>
      </c>
      <c r="G38" s="923"/>
      <c r="H38" s="547">
        <v>0</v>
      </c>
    </row>
    <row r="39" spans="1:8" s="18" customFormat="1" x14ac:dyDescent="0.2">
      <c r="A39" s="256" t="s">
        <v>335</v>
      </c>
      <c r="B39" s="922">
        <v>0</v>
      </c>
      <c r="C39" s="923"/>
      <c r="D39" s="686">
        <v>0</v>
      </c>
      <c r="E39" s="687"/>
      <c r="F39" s="922">
        <v>0</v>
      </c>
      <c r="G39" s="923"/>
      <c r="H39" s="547">
        <v>0</v>
      </c>
    </row>
    <row r="40" spans="1:8" s="224" customFormat="1" x14ac:dyDescent="0.2">
      <c r="A40" s="232" t="s">
        <v>339</v>
      </c>
      <c r="B40" s="922">
        <v>1301100000</v>
      </c>
      <c r="C40" s="923"/>
      <c r="D40" s="922">
        <v>1301100000</v>
      </c>
      <c r="E40" s="923"/>
      <c r="F40" s="922">
        <v>222245389.62</v>
      </c>
      <c r="G40" s="923"/>
      <c r="H40" s="547">
        <v>17.081345755130275</v>
      </c>
    </row>
    <row r="41" spans="1:8" s="18" customFormat="1" x14ac:dyDescent="0.2">
      <c r="A41" s="107" t="s">
        <v>190</v>
      </c>
      <c r="B41" s="878">
        <v>1164100000</v>
      </c>
      <c r="C41" s="924"/>
      <c r="D41" s="686">
        <v>1164100000</v>
      </c>
      <c r="E41" s="687"/>
      <c r="F41" s="878">
        <v>203716788.46000001</v>
      </c>
      <c r="G41" s="924"/>
      <c r="H41" s="547">
        <v>17.49993887638519</v>
      </c>
    </row>
    <row r="42" spans="1:8" s="18" customFormat="1" x14ac:dyDescent="0.2">
      <c r="A42" s="107" t="s">
        <v>191</v>
      </c>
      <c r="B42" s="878">
        <v>18100000</v>
      </c>
      <c r="C42" s="924"/>
      <c r="D42" s="686">
        <v>18100000</v>
      </c>
      <c r="E42" s="687"/>
      <c r="F42" s="878">
        <v>3009459.38</v>
      </c>
      <c r="G42" s="924"/>
      <c r="H42" s="547">
        <v>16.626847403314919</v>
      </c>
    </row>
    <row r="43" spans="1:8" s="18" customFormat="1" x14ac:dyDescent="0.2">
      <c r="A43" s="271" t="s">
        <v>192</v>
      </c>
      <c r="B43" s="878">
        <v>118900000</v>
      </c>
      <c r="C43" s="924"/>
      <c r="D43" s="686">
        <v>118900000</v>
      </c>
      <c r="E43" s="687"/>
      <c r="F43" s="878">
        <v>15519141.779999999</v>
      </c>
      <c r="G43" s="924"/>
      <c r="H43" s="547">
        <v>13.052263902439023</v>
      </c>
    </row>
    <row r="44" spans="1:8" s="18" customFormat="1" x14ac:dyDescent="0.2">
      <c r="A44" s="271" t="s">
        <v>193</v>
      </c>
      <c r="B44" s="874">
        <v>0</v>
      </c>
      <c r="C44" s="953"/>
      <c r="D44" s="688">
        <v>0</v>
      </c>
      <c r="E44" s="689"/>
      <c r="F44" s="935">
        <v>0</v>
      </c>
      <c r="G44" s="955"/>
      <c r="H44" s="547">
        <v>0</v>
      </c>
    </row>
    <row r="45" spans="1:8" s="230" customFormat="1" ht="15" customHeight="1" x14ac:dyDescent="0.2">
      <c r="A45" s="272" t="s">
        <v>456</v>
      </c>
      <c r="B45" s="947">
        <v>10116720800</v>
      </c>
      <c r="C45" s="954"/>
      <c r="D45" s="947">
        <v>10116842678.41</v>
      </c>
      <c r="E45" s="954"/>
      <c r="F45" s="947">
        <v>1846004730.0100002</v>
      </c>
      <c r="G45" s="954"/>
      <c r="H45" s="444">
        <v>18.246846261131395</v>
      </c>
    </row>
    <row r="46" spans="1:8" s="224" customFormat="1" x14ac:dyDescent="0.15">
      <c r="A46" s="864" t="s">
        <v>194</v>
      </c>
      <c r="B46" s="894" t="s">
        <v>108</v>
      </c>
      <c r="C46" s="895"/>
      <c r="D46" s="857" t="s">
        <v>108</v>
      </c>
      <c r="E46" s="889"/>
      <c r="F46" s="862" t="s">
        <v>109</v>
      </c>
      <c r="G46" s="873"/>
      <c r="H46" s="873"/>
    </row>
    <row r="47" spans="1:8" s="224" customFormat="1" x14ac:dyDescent="0.2">
      <c r="A47" s="865"/>
      <c r="B47" s="858" t="s">
        <v>111</v>
      </c>
      <c r="C47" s="890"/>
      <c r="D47" s="858" t="s">
        <v>112</v>
      </c>
      <c r="E47" s="890"/>
      <c r="F47" s="857" t="s">
        <v>115</v>
      </c>
      <c r="G47" s="889"/>
      <c r="H47" s="221" t="s">
        <v>114</v>
      </c>
    </row>
    <row r="48" spans="1:8" s="224" customFormat="1" x14ac:dyDescent="0.2">
      <c r="A48" s="866"/>
      <c r="B48" s="859"/>
      <c r="C48" s="893"/>
      <c r="D48" s="859" t="s">
        <v>116</v>
      </c>
      <c r="E48" s="893"/>
      <c r="F48" s="859" t="s">
        <v>117</v>
      </c>
      <c r="G48" s="893"/>
      <c r="H48" s="222" t="s">
        <v>188</v>
      </c>
    </row>
    <row r="49" spans="1:8" s="18" customFormat="1" x14ac:dyDescent="0.2">
      <c r="A49" s="254" t="s">
        <v>457</v>
      </c>
      <c r="B49" s="696">
        <v>1924928650</v>
      </c>
      <c r="C49" s="697"/>
      <c r="D49" s="696">
        <v>1924928650</v>
      </c>
      <c r="E49" s="697"/>
      <c r="F49" s="696">
        <v>298694073.44750005</v>
      </c>
      <c r="G49" s="697"/>
      <c r="H49" s="548">
        <v>15.517150386197434</v>
      </c>
    </row>
    <row r="50" spans="1:8" s="18" customFormat="1" x14ac:dyDescent="0.2">
      <c r="A50" s="254" t="s">
        <v>458</v>
      </c>
      <c r="B50" s="686">
        <v>166195800</v>
      </c>
      <c r="C50" s="687"/>
      <c r="D50" s="686">
        <v>166256739.20500001</v>
      </c>
      <c r="E50" s="687"/>
      <c r="F50" s="686">
        <v>145210495.215</v>
      </c>
      <c r="G50" s="687"/>
      <c r="H50" s="549">
        <v>87.341118266460583</v>
      </c>
    </row>
    <row r="51" spans="1:8" s="18" customFormat="1" x14ac:dyDescent="0.2">
      <c r="A51" s="642" t="s">
        <v>459</v>
      </c>
      <c r="B51" s="686">
        <v>29725000</v>
      </c>
      <c r="C51" s="687"/>
      <c r="D51" s="686">
        <v>29725000</v>
      </c>
      <c r="E51" s="687"/>
      <c r="F51" s="686">
        <v>3879785.4449999998</v>
      </c>
      <c r="G51" s="687"/>
      <c r="H51" s="549">
        <v>13.052263902439023</v>
      </c>
    </row>
    <row r="52" spans="1:8" s="18" customFormat="1" x14ac:dyDescent="0.2">
      <c r="A52" s="451" t="s">
        <v>460</v>
      </c>
      <c r="B52" s="935">
        <v>2120849450</v>
      </c>
      <c r="C52" s="955"/>
      <c r="D52" s="935">
        <v>2120910389.2049999</v>
      </c>
      <c r="E52" s="955"/>
      <c r="F52" s="935">
        <v>447784354.10750002</v>
      </c>
      <c r="G52" s="955"/>
      <c r="H52" s="550">
        <v>21.112837033880865</v>
      </c>
    </row>
    <row r="53" spans="1:8" s="224" customFormat="1" ht="15" customHeight="1" x14ac:dyDescent="0.2">
      <c r="A53" s="234" t="s">
        <v>461</v>
      </c>
      <c r="B53" s="947">
        <v>7995871350</v>
      </c>
      <c r="C53" s="954"/>
      <c r="D53" s="947">
        <v>7995932289.2049999</v>
      </c>
      <c r="E53" s="954"/>
      <c r="F53" s="947">
        <v>1398220375.9025002</v>
      </c>
      <c r="G53" s="954"/>
      <c r="H53" s="444">
        <v>17.486646026132359</v>
      </c>
    </row>
    <row r="54" spans="1:8" s="224" customFormat="1" x14ac:dyDescent="0.15">
      <c r="A54" s="864" t="s">
        <v>844</v>
      </c>
      <c r="B54" s="894" t="s">
        <v>108</v>
      </c>
      <c r="C54" s="895"/>
      <c r="D54" s="857" t="s">
        <v>108</v>
      </c>
      <c r="E54" s="889"/>
      <c r="F54" s="862" t="s">
        <v>109</v>
      </c>
      <c r="G54" s="873"/>
      <c r="H54" s="873"/>
    </row>
    <row r="55" spans="1:8" s="224" customFormat="1" x14ac:dyDescent="0.2">
      <c r="A55" s="865"/>
      <c r="B55" s="858" t="s">
        <v>111</v>
      </c>
      <c r="C55" s="890"/>
      <c r="D55" s="858" t="s">
        <v>112</v>
      </c>
      <c r="E55" s="890"/>
      <c r="F55" s="857" t="s">
        <v>115</v>
      </c>
      <c r="G55" s="889"/>
      <c r="H55" s="221" t="s">
        <v>114</v>
      </c>
    </row>
    <row r="56" spans="1:8" s="224" customFormat="1" x14ac:dyDescent="0.2">
      <c r="A56" s="866"/>
      <c r="B56" s="859"/>
      <c r="C56" s="893"/>
      <c r="D56" s="859" t="s">
        <v>116</v>
      </c>
      <c r="E56" s="893"/>
      <c r="F56" s="859" t="s">
        <v>117</v>
      </c>
      <c r="G56" s="893"/>
      <c r="H56" s="222" t="s">
        <v>188</v>
      </c>
    </row>
    <row r="57" spans="1:8" s="224" customFormat="1" ht="21" x14ac:dyDescent="0.2">
      <c r="A57" s="260" t="s">
        <v>462</v>
      </c>
      <c r="B57" s="943">
        <v>0</v>
      </c>
      <c r="C57" s="952"/>
      <c r="D57" s="696">
        <v>0</v>
      </c>
      <c r="E57" s="697"/>
      <c r="F57" s="943">
        <v>0</v>
      </c>
      <c r="G57" s="952"/>
      <c r="H57" s="551">
        <v>0</v>
      </c>
    </row>
    <row r="58" spans="1:8" s="224" customFormat="1" x14ac:dyDescent="0.2">
      <c r="A58" s="260" t="s">
        <v>463</v>
      </c>
      <c r="B58" s="698">
        <v>93826500</v>
      </c>
      <c r="C58" s="699"/>
      <c r="D58" s="698">
        <v>95636508.140000015</v>
      </c>
      <c r="E58" s="699"/>
      <c r="F58" s="698">
        <v>15381827.739999998</v>
      </c>
      <c r="G58" s="699"/>
      <c r="H58" s="550">
        <v>16.08363588252606</v>
      </c>
    </row>
    <row r="59" spans="1:8" s="18" customFormat="1" x14ac:dyDescent="0.2">
      <c r="A59" s="254" t="s">
        <v>464</v>
      </c>
      <c r="B59" s="878">
        <v>52127000</v>
      </c>
      <c r="C59" s="924"/>
      <c r="D59" s="686">
        <v>52127000</v>
      </c>
      <c r="E59" s="687"/>
      <c r="F59" s="878">
        <v>10375307.1</v>
      </c>
      <c r="G59" s="924"/>
      <c r="H59" s="549">
        <v>19.903902200395187</v>
      </c>
    </row>
    <row r="60" spans="1:8" s="18" customFormat="1" x14ac:dyDescent="0.2">
      <c r="A60" s="254" t="s">
        <v>465</v>
      </c>
      <c r="B60" s="878">
        <v>12500000</v>
      </c>
      <c r="C60" s="924"/>
      <c r="D60" s="686">
        <v>12500000</v>
      </c>
      <c r="E60" s="687"/>
      <c r="F60" s="878">
        <v>1200</v>
      </c>
      <c r="G60" s="924"/>
      <c r="H60" s="549">
        <v>9.6000000000000009E-3</v>
      </c>
    </row>
    <row r="61" spans="1:8" s="18" customFormat="1" x14ac:dyDescent="0.2">
      <c r="A61" s="254" t="s">
        <v>466</v>
      </c>
      <c r="B61" s="922">
        <v>0</v>
      </c>
      <c r="C61" s="923"/>
      <c r="D61" s="686">
        <v>1683309.6</v>
      </c>
      <c r="E61" s="687"/>
      <c r="F61" s="878">
        <v>1683309.6</v>
      </c>
      <c r="G61" s="924"/>
      <c r="H61" s="549">
        <v>100</v>
      </c>
    </row>
    <row r="62" spans="1:8" s="18" customFormat="1" x14ac:dyDescent="0.2">
      <c r="A62" s="254" t="s">
        <v>467</v>
      </c>
      <c r="B62" s="922">
        <v>0</v>
      </c>
      <c r="C62" s="923"/>
      <c r="D62" s="686">
        <v>4731.3599999999997</v>
      </c>
      <c r="E62" s="687"/>
      <c r="F62" s="878">
        <v>4731.3599999999997</v>
      </c>
      <c r="G62" s="924"/>
      <c r="H62" s="549">
        <v>100</v>
      </c>
    </row>
    <row r="63" spans="1:8" s="18" customFormat="1" x14ac:dyDescent="0.2">
      <c r="A63" s="254" t="s">
        <v>468</v>
      </c>
      <c r="B63" s="878">
        <v>29199500</v>
      </c>
      <c r="C63" s="924"/>
      <c r="D63" s="686">
        <v>29199500</v>
      </c>
      <c r="E63" s="687"/>
      <c r="F63" s="878">
        <v>3195312.5</v>
      </c>
      <c r="G63" s="924"/>
      <c r="H63" s="549">
        <v>10.943038408191921</v>
      </c>
    </row>
    <row r="64" spans="1:8" s="18" customFormat="1" x14ac:dyDescent="0.2">
      <c r="A64" s="254" t="s">
        <v>469</v>
      </c>
      <c r="B64" s="922">
        <v>0</v>
      </c>
      <c r="C64" s="923"/>
      <c r="D64" s="686">
        <v>121967.18</v>
      </c>
      <c r="E64" s="687"/>
      <c r="F64" s="878">
        <v>121967.18</v>
      </c>
      <c r="G64" s="924"/>
      <c r="H64" s="549">
        <v>100</v>
      </c>
    </row>
    <row r="65" spans="1:8" s="224" customFormat="1" x14ac:dyDescent="0.2">
      <c r="A65" s="260" t="s">
        <v>470</v>
      </c>
      <c r="B65" s="922">
        <v>58148100</v>
      </c>
      <c r="C65" s="923"/>
      <c r="D65" s="922">
        <v>58148100</v>
      </c>
      <c r="E65" s="923"/>
      <c r="F65" s="698">
        <v>1598874.64</v>
      </c>
      <c r="G65" s="699"/>
      <c r="H65" s="550">
        <v>2.749659300991778</v>
      </c>
    </row>
    <row r="66" spans="1:8" s="18" customFormat="1" x14ac:dyDescent="0.2">
      <c r="A66" s="254" t="s">
        <v>471</v>
      </c>
      <c r="B66" s="878">
        <v>58148100</v>
      </c>
      <c r="C66" s="924"/>
      <c r="D66" s="686">
        <v>58148100</v>
      </c>
      <c r="E66" s="687"/>
      <c r="F66" s="878">
        <v>1598874.64</v>
      </c>
      <c r="G66" s="924"/>
      <c r="H66" s="549">
        <v>2.749659300991778</v>
      </c>
    </row>
    <row r="67" spans="1:8" s="18" customFormat="1" x14ac:dyDescent="0.2">
      <c r="A67" s="106" t="s">
        <v>472</v>
      </c>
      <c r="B67" s="922">
        <v>0</v>
      </c>
      <c r="C67" s="923"/>
      <c r="D67" s="686">
        <v>0</v>
      </c>
      <c r="E67" s="687"/>
      <c r="F67" s="922">
        <v>0</v>
      </c>
      <c r="G67" s="923"/>
      <c r="H67" s="550">
        <v>0</v>
      </c>
    </row>
    <row r="68" spans="1:8" s="224" customFormat="1" x14ac:dyDescent="0.2">
      <c r="A68" s="260" t="s">
        <v>473</v>
      </c>
      <c r="B68" s="935">
        <v>0</v>
      </c>
      <c r="C68" s="955"/>
      <c r="D68" s="688">
        <v>0</v>
      </c>
      <c r="E68" s="689"/>
      <c r="F68" s="935">
        <v>0</v>
      </c>
      <c r="G68" s="955"/>
      <c r="H68" s="550">
        <v>0</v>
      </c>
    </row>
    <row r="69" spans="1:8" s="224" customFormat="1" x14ac:dyDescent="0.2">
      <c r="A69" s="235" t="s">
        <v>771</v>
      </c>
      <c r="B69" s="869">
        <v>0</v>
      </c>
      <c r="C69" s="870"/>
      <c r="D69" s="869">
        <v>0</v>
      </c>
      <c r="E69" s="870"/>
      <c r="F69" s="869">
        <v>0</v>
      </c>
      <c r="G69" s="870"/>
      <c r="H69" s="551">
        <v>0</v>
      </c>
    </row>
    <row r="70" spans="1:8" s="224" customFormat="1" ht="21" x14ac:dyDescent="0.2">
      <c r="A70" s="443" t="s">
        <v>794</v>
      </c>
      <c r="B70" s="947">
        <v>151974600</v>
      </c>
      <c r="C70" s="954"/>
      <c r="D70" s="947">
        <v>153784608.14000002</v>
      </c>
      <c r="E70" s="954"/>
      <c r="F70" s="947">
        <v>16980702.379999999</v>
      </c>
      <c r="G70" s="954"/>
      <c r="H70" s="444">
        <v>11.041873816488431</v>
      </c>
    </row>
    <row r="71" spans="1:8" s="224" customFormat="1" x14ac:dyDescent="0.2">
      <c r="A71" s="873" t="s">
        <v>195</v>
      </c>
      <c r="B71" s="873"/>
      <c r="C71" s="873"/>
      <c r="D71" s="873"/>
      <c r="E71" s="873"/>
      <c r="F71" s="873"/>
      <c r="G71" s="873"/>
      <c r="H71" s="873"/>
    </row>
    <row r="72" spans="1:8" s="224" customFormat="1" x14ac:dyDescent="0.2">
      <c r="A72" s="864" t="s">
        <v>196</v>
      </c>
      <c r="B72" s="857" t="s">
        <v>108</v>
      </c>
      <c r="C72" s="889"/>
      <c r="D72" s="857" t="s">
        <v>108</v>
      </c>
      <c r="E72" s="889"/>
      <c r="F72" s="862" t="s">
        <v>109</v>
      </c>
      <c r="G72" s="873"/>
      <c r="H72" s="873"/>
    </row>
    <row r="73" spans="1:8" s="224" customFormat="1" x14ac:dyDescent="0.2">
      <c r="A73" s="865"/>
      <c r="B73" s="858" t="s">
        <v>111</v>
      </c>
      <c r="C73" s="890"/>
      <c r="D73" s="858" t="s">
        <v>112</v>
      </c>
      <c r="E73" s="890"/>
      <c r="F73" s="857" t="s">
        <v>115</v>
      </c>
      <c r="G73" s="889"/>
      <c r="H73" s="221" t="s">
        <v>114</v>
      </c>
    </row>
    <row r="74" spans="1:8" s="224" customFormat="1" x14ac:dyDescent="0.2">
      <c r="A74" s="866"/>
      <c r="B74" s="859"/>
      <c r="C74" s="893"/>
      <c r="D74" s="859" t="s">
        <v>116</v>
      </c>
      <c r="E74" s="893"/>
      <c r="F74" s="859" t="s">
        <v>117</v>
      </c>
      <c r="G74" s="893"/>
      <c r="H74" s="222" t="s">
        <v>188</v>
      </c>
    </row>
    <row r="75" spans="1:8" s="224" customFormat="1" x14ac:dyDescent="0.2">
      <c r="A75" s="237" t="s">
        <v>474</v>
      </c>
      <c r="B75" s="880">
        <v>1481474270</v>
      </c>
      <c r="C75" s="881"/>
      <c r="D75" s="880">
        <v>1481486457.8410001</v>
      </c>
      <c r="E75" s="881"/>
      <c r="F75" s="700">
        <v>262446755.80650005</v>
      </c>
      <c r="G75" s="701"/>
      <c r="H75" s="512">
        <v>17.715096511173577</v>
      </c>
    </row>
    <row r="76" spans="1:8" s="18" customFormat="1" x14ac:dyDescent="0.2">
      <c r="A76" s="254" t="s">
        <v>475</v>
      </c>
      <c r="B76" s="822">
        <v>1170909190</v>
      </c>
      <c r="C76" s="882"/>
      <c r="D76" s="822">
        <v>1170909190</v>
      </c>
      <c r="E76" s="882"/>
      <c r="F76" s="686">
        <v>181687659.04050004</v>
      </c>
      <c r="G76" s="687"/>
      <c r="H76" s="428">
        <v>15.516801865779195</v>
      </c>
    </row>
    <row r="77" spans="1:8" s="18" customFormat="1" x14ac:dyDescent="0.2">
      <c r="A77" s="254" t="s">
        <v>476</v>
      </c>
      <c r="B77" s="822">
        <v>23050920</v>
      </c>
      <c r="C77" s="882"/>
      <c r="D77" s="822">
        <v>23050920</v>
      </c>
      <c r="E77" s="882"/>
      <c r="F77" s="686">
        <v>8043876.8880000003</v>
      </c>
      <c r="G77" s="687"/>
      <c r="H77" s="428">
        <v>34.896120796913962</v>
      </c>
    </row>
    <row r="78" spans="1:8" s="18" customFormat="1" x14ac:dyDescent="0.2">
      <c r="A78" s="254" t="s">
        <v>477</v>
      </c>
      <c r="B78" s="822">
        <v>33239160</v>
      </c>
      <c r="C78" s="882"/>
      <c r="D78" s="822">
        <v>33251347.841000006</v>
      </c>
      <c r="E78" s="882"/>
      <c r="F78" s="686">
        <v>29042099.043000001</v>
      </c>
      <c r="G78" s="687"/>
      <c r="H78" s="428">
        <v>87.341118266460583</v>
      </c>
    </row>
    <row r="79" spans="1:8" s="18" customFormat="1" x14ac:dyDescent="0.2">
      <c r="A79" s="254" t="s">
        <v>478</v>
      </c>
      <c r="B79" s="822">
        <v>232820000</v>
      </c>
      <c r="C79" s="882"/>
      <c r="D79" s="822">
        <v>232820000</v>
      </c>
      <c r="E79" s="882"/>
      <c r="F79" s="686">
        <v>40743357.692000002</v>
      </c>
      <c r="G79" s="687"/>
      <c r="H79" s="428">
        <v>17.49993887638519</v>
      </c>
    </row>
    <row r="80" spans="1:8" s="18" customFormat="1" x14ac:dyDescent="0.2">
      <c r="A80" s="254" t="s">
        <v>479</v>
      </c>
      <c r="B80" s="822">
        <v>3620000</v>
      </c>
      <c r="C80" s="882"/>
      <c r="D80" s="822">
        <v>3620000</v>
      </c>
      <c r="E80" s="882"/>
      <c r="F80" s="686">
        <v>601891.87600000005</v>
      </c>
      <c r="G80" s="687"/>
      <c r="H80" s="428">
        <v>16.626847403314919</v>
      </c>
    </row>
    <row r="81" spans="1:8" s="18" customFormat="1" x14ac:dyDescent="0.2">
      <c r="A81" s="254" t="s">
        <v>480</v>
      </c>
      <c r="B81" s="822">
        <v>17835000</v>
      </c>
      <c r="C81" s="882"/>
      <c r="D81" s="822">
        <v>17835000</v>
      </c>
      <c r="E81" s="882"/>
      <c r="F81" s="686">
        <v>2327871.267</v>
      </c>
      <c r="G81" s="687"/>
      <c r="H81" s="428">
        <v>13.052263902439023</v>
      </c>
    </row>
    <row r="82" spans="1:8" s="224" customFormat="1" x14ac:dyDescent="0.2">
      <c r="A82" s="260" t="s">
        <v>481</v>
      </c>
      <c r="B82" s="960">
        <v>922938000</v>
      </c>
      <c r="C82" s="961"/>
      <c r="D82" s="960">
        <v>923607541</v>
      </c>
      <c r="E82" s="961"/>
      <c r="F82" s="698">
        <v>169143153</v>
      </c>
      <c r="G82" s="699"/>
      <c r="H82" s="426">
        <v>18.313314421065343</v>
      </c>
    </row>
    <row r="83" spans="1:8" s="18" customFormat="1" x14ac:dyDescent="0.2">
      <c r="A83" s="254" t="s">
        <v>482</v>
      </c>
      <c r="B83" s="822">
        <v>922938000</v>
      </c>
      <c r="C83" s="882"/>
      <c r="D83" s="686">
        <v>922938000</v>
      </c>
      <c r="E83" s="687"/>
      <c r="F83" s="686">
        <v>168473612</v>
      </c>
      <c r="G83" s="687"/>
      <c r="H83" s="428">
        <v>18.254055201974566</v>
      </c>
    </row>
    <row r="84" spans="1:8" s="18" customFormat="1" x14ac:dyDescent="0.2">
      <c r="A84" s="254" t="s">
        <v>483</v>
      </c>
      <c r="B84" s="822">
        <v>0</v>
      </c>
      <c r="C84" s="882"/>
      <c r="D84" s="686">
        <v>0</v>
      </c>
      <c r="E84" s="687"/>
      <c r="F84" s="698">
        <v>0</v>
      </c>
      <c r="G84" s="699"/>
      <c r="H84" s="536">
        <v>0</v>
      </c>
    </row>
    <row r="85" spans="1:8" s="18" customFormat="1" x14ac:dyDescent="0.2">
      <c r="A85" s="258" t="s">
        <v>484</v>
      </c>
      <c r="B85" s="688">
        <v>0</v>
      </c>
      <c r="C85" s="689"/>
      <c r="D85" s="688">
        <v>669541</v>
      </c>
      <c r="E85" s="689"/>
      <c r="F85" s="688">
        <v>669541</v>
      </c>
      <c r="G85" s="689"/>
      <c r="H85" s="536">
        <v>100</v>
      </c>
    </row>
    <row r="86" spans="1:8" s="224" customFormat="1" ht="15" customHeight="1" x14ac:dyDescent="0.2">
      <c r="A86" s="234" t="s">
        <v>485</v>
      </c>
      <c r="B86" s="704">
        <v>-558536270</v>
      </c>
      <c r="C86" s="705"/>
      <c r="D86" s="704">
        <v>-558548457.84100008</v>
      </c>
      <c r="E86" s="705"/>
      <c r="F86" s="704">
        <v>-93973143.806500047</v>
      </c>
      <c r="G86" s="705"/>
      <c r="H86" s="444">
        <v>16.824528380177004</v>
      </c>
    </row>
    <row r="87" spans="1:8" s="18" customFormat="1" x14ac:dyDescent="0.2">
      <c r="A87" s="277" t="s">
        <v>431</v>
      </c>
      <c r="B87" s="275"/>
      <c r="C87" s="275"/>
      <c r="D87" s="275"/>
      <c r="E87" s="275"/>
      <c r="F87" s="412"/>
      <c r="H87" s="548"/>
    </row>
    <row r="88" spans="1:8" s="18" customFormat="1" x14ac:dyDescent="0.2">
      <c r="A88" s="102" t="s">
        <v>432</v>
      </c>
      <c r="B88" s="276"/>
      <c r="C88" s="276"/>
      <c r="D88" s="276"/>
      <c r="E88" s="276"/>
      <c r="F88" s="276"/>
      <c r="H88" s="572"/>
    </row>
    <row r="89" spans="1:8" s="224" customFormat="1" x14ac:dyDescent="0.2">
      <c r="A89" s="864" t="s">
        <v>197</v>
      </c>
      <c r="B89" s="78" t="s">
        <v>157</v>
      </c>
      <c r="C89" s="78" t="s">
        <v>157</v>
      </c>
      <c r="D89" s="862" t="s">
        <v>158</v>
      </c>
      <c r="E89" s="873"/>
      <c r="F89" s="862" t="s">
        <v>159</v>
      </c>
      <c r="G89" s="873"/>
      <c r="H89" s="891" t="s">
        <v>772</v>
      </c>
    </row>
    <row r="90" spans="1:8" s="224" customFormat="1" x14ac:dyDescent="0.2">
      <c r="A90" s="865"/>
      <c r="B90" s="963" t="s">
        <v>111</v>
      </c>
      <c r="C90" s="79" t="s">
        <v>112</v>
      </c>
      <c r="D90" s="78" t="s">
        <v>115</v>
      </c>
      <c r="E90" s="221" t="s">
        <v>114</v>
      </c>
      <c r="F90" s="78" t="s">
        <v>115</v>
      </c>
      <c r="G90" s="221" t="s">
        <v>114</v>
      </c>
      <c r="H90" s="892"/>
    </row>
    <row r="91" spans="1:8" s="224" customFormat="1" x14ac:dyDescent="0.2">
      <c r="A91" s="866"/>
      <c r="B91" s="964"/>
      <c r="C91" s="220" t="s">
        <v>162</v>
      </c>
      <c r="D91" s="220" t="s">
        <v>163</v>
      </c>
      <c r="E91" s="222" t="s">
        <v>198</v>
      </c>
      <c r="F91" s="220" t="s">
        <v>164</v>
      </c>
      <c r="G91" s="222" t="s">
        <v>451</v>
      </c>
      <c r="H91" s="239" t="s">
        <v>352</v>
      </c>
    </row>
    <row r="92" spans="1:8" s="224" customFormat="1" x14ac:dyDescent="0.2">
      <c r="A92" s="237" t="s">
        <v>486</v>
      </c>
      <c r="B92" s="552">
        <v>913938000</v>
      </c>
      <c r="C92" s="553">
        <v>913938000</v>
      </c>
      <c r="D92" s="553">
        <v>216604632.75999999</v>
      </c>
      <c r="E92" s="554">
        <v>23.700145169584808</v>
      </c>
      <c r="F92" s="553">
        <v>144719735.44999999</v>
      </c>
      <c r="G92" s="555">
        <v>15.83474321562294</v>
      </c>
      <c r="H92" s="556">
        <v>0</v>
      </c>
    </row>
    <row r="93" spans="1:8" s="18" customFormat="1" x14ac:dyDescent="0.2">
      <c r="A93" s="254" t="s">
        <v>487</v>
      </c>
      <c r="B93" s="557">
        <v>548362800</v>
      </c>
      <c r="C93" s="558">
        <v>548362800</v>
      </c>
      <c r="D93" s="558">
        <v>129962779.65599999</v>
      </c>
      <c r="E93" s="559">
        <v>23.700145169584804</v>
      </c>
      <c r="F93" s="558">
        <v>86831841.269999996</v>
      </c>
      <c r="G93" s="559">
        <v>15.83474321562294</v>
      </c>
      <c r="H93" s="560">
        <v>0</v>
      </c>
    </row>
    <row r="94" spans="1:8" s="18" customFormat="1" x14ac:dyDescent="0.2">
      <c r="A94" s="254" t="s">
        <v>488</v>
      </c>
      <c r="B94" s="557">
        <v>365575200</v>
      </c>
      <c r="C94" s="558">
        <v>365575200</v>
      </c>
      <c r="D94" s="558">
        <v>86641853.104000002</v>
      </c>
      <c r="E94" s="559">
        <v>23.700145169584808</v>
      </c>
      <c r="F94" s="558">
        <v>57887894.18</v>
      </c>
      <c r="G94" s="559">
        <v>15.834743215622943</v>
      </c>
      <c r="H94" s="560">
        <v>0</v>
      </c>
    </row>
    <row r="95" spans="1:8" s="224" customFormat="1" x14ac:dyDescent="0.2">
      <c r="A95" s="260" t="s">
        <v>489</v>
      </c>
      <c r="B95" s="561">
        <v>9000000</v>
      </c>
      <c r="C95" s="562">
        <v>9000000</v>
      </c>
      <c r="D95" s="562">
        <v>342854.16</v>
      </c>
      <c r="E95" s="554">
        <v>3.8094906666666666</v>
      </c>
      <c r="F95" s="562">
        <v>0</v>
      </c>
      <c r="G95" s="554">
        <v>0</v>
      </c>
      <c r="H95" s="560">
        <v>0</v>
      </c>
    </row>
    <row r="96" spans="1:8" s="18" customFormat="1" x14ac:dyDescent="0.2">
      <c r="A96" s="254" t="s">
        <v>490</v>
      </c>
      <c r="B96" s="557">
        <v>9000000</v>
      </c>
      <c r="C96" s="558">
        <v>9000000</v>
      </c>
      <c r="D96" s="558">
        <v>342854.16</v>
      </c>
      <c r="E96" s="559">
        <v>3.8094906666666666</v>
      </c>
      <c r="F96" s="558">
        <v>0</v>
      </c>
      <c r="G96" s="559">
        <v>0</v>
      </c>
      <c r="H96" s="560">
        <v>0</v>
      </c>
    </row>
    <row r="97" spans="1:8" s="18" customFormat="1" x14ac:dyDescent="0.2">
      <c r="A97" s="258" t="s">
        <v>491</v>
      </c>
      <c r="B97" s="563">
        <v>0</v>
      </c>
      <c r="C97" s="564">
        <v>0</v>
      </c>
      <c r="D97" s="564">
        <v>0</v>
      </c>
      <c r="E97" s="565">
        <v>0</v>
      </c>
      <c r="F97" s="564">
        <v>0</v>
      </c>
      <c r="G97" s="566">
        <v>0</v>
      </c>
      <c r="H97" s="567">
        <v>0</v>
      </c>
    </row>
    <row r="98" spans="1:8" s="224" customFormat="1" ht="15" customHeight="1" x14ac:dyDescent="0.2">
      <c r="A98" s="234" t="s">
        <v>492</v>
      </c>
      <c r="B98" s="568">
        <v>922938000</v>
      </c>
      <c r="C98" s="568">
        <v>922938000</v>
      </c>
      <c r="D98" s="568">
        <v>216947486.91999999</v>
      </c>
      <c r="E98" s="569">
        <v>23.506182096738893</v>
      </c>
      <c r="F98" s="568">
        <v>144719735.44999999</v>
      </c>
      <c r="G98" s="570">
        <v>15.68033123026682</v>
      </c>
      <c r="H98" s="571">
        <v>0</v>
      </c>
    </row>
    <row r="99" spans="1:8" s="18" customFormat="1" ht="15" customHeight="1" x14ac:dyDescent="0.2">
      <c r="A99" s="873" t="s">
        <v>433</v>
      </c>
      <c r="B99" s="873"/>
      <c r="C99" s="873"/>
      <c r="D99" s="873"/>
      <c r="E99" s="873"/>
      <c r="F99" s="873"/>
      <c r="G99" s="873"/>
      <c r="H99" s="873"/>
    </row>
    <row r="100" spans="1:8" s="224" customFormat="1" x14ac:dyDescent="0.2">
      <c r="A100" s="945" t="s">
        <v>493</v>
      </c>
      <c r="B100" s="945"/>
      <c r="C100" s="945"/>
      <c r="D100" s="945"/>
      <c r="E100" s="945"/>
      <c r="F100" s="946"/>
      <c r="G100" s="943">
        <v>0</v>
      </c>
      <c r="H100" s="944"/>
    </row>
    <row r="101" spans="1:8" s="18" customFormat="1" x14ac:dyDescent="0.2">
      <c r="A101" s="897" t="s">
        <v>494</v>
      </c>
      <c r="B101" s="897"/>
      <c r="C101" s="897"/>
      <c r="D101" s="897"/>
      <c r="E101" s="897"/>
      <c r="F101" s="898"/>
      <c r="G101" s="878">
        <v>0</v>
      </c>
      <c r="H101" s="879"/>
    </row>
    <row r="102" spans="1:8" s="18" customFormat="1" x14ac:dyDescent="0.2">
      <c r="A102" s="897" t="s">
        <v>495</v>
      </c>
      <c r="B102" s="897"/>
      <c r="C102" s="897"/>
      <c r="D102" s="897"/>
      <c r="E102" s="897"/>
      <c r="F102" s="898"/>
      <c r="G102" s="878">
        <v>0</v>
      </c>
      <c r="H102" s="879"/>
    </row>
    <row r="103" spans="1:8" s="224" customFormat="1" x14ac:dyDescent="0.2">
      <c r="A103" s="958" t="s">
        <v>496</v>
      </c>
      <c r="B103" s="958"/>
      <c r="C103" s="958"/>
      <c r="D103" s="958"/>
      <c r="E103" s="958"/>
      <c r="F103" s="959"/>
      <c r="G103" s="878">
        <v>0</v>
      </c>
      <c r="H103" s="879"/>
    </row>
    <row r="104" spans="1:8" s="18" customFormat="1" x14ac:dyDescent="0.2">
      <c r="A104" s="897" t="s">
        <v>497</v>
      </c>
      <c r="B104" s="897"/>
      <c r="C104" s="897"/>
      <c r="D104" s="897"/>
      <c r="E104" s="897"/>
      <c r="F104" s="898"/>
      <c r="G104" s="878">
        <v>0</v>
      </c>
      <c r="H104" s="879"/>
    </row>
    <row r="105" spans="1:8" s="18" customFormat="1" x14ac:dyDescent="0.2">
      <c r="A105" s="876" t="s">
        <v>498</v>
      </c>
      <c r="B105" s="876"/>
      <c r="C105" s="876"/>
      <c r="D105" s="876"/>
      <c r="E105" s="876"/>
      <c r="F105" s="877"/>
      <c r="G105" s="874">
        <v>0</v>
      </c>
      <c r="H105" s="875"/>
    </row>
    <row r="106" spans="1:8" s="224" customFormat="1" ht="15" customHeight="1" x14ac:dyDescent="0.2">
      <c r="A106" s="871" t="s">
        <v>499</v>
      </c>
      <c r="B106" s="871"/>
      <c r="C106" s="871"/>
      <c r="D106" s="871"/>
      <c r="E106" s="871"/>
      <c r="F106" s="872"/>
      <c r="G106" s="947">
        <v>0</v>
      </c>
      <c r="H106" s="948"/>
    </row>
    <row r="107" spans="1:8" s="224" customFormat="1" ht="15" customHeight="1" x14ac:dyDescent="0.2">
      <c r="A107" s="871" t="s">
        <v>434</v>
      </c>
      <c r="B107" s="871"/>
      <c r="C107" s="871"/>
      <c r="D107" s="871"/>
      <c r="E107" s="871"/>
      <c r="F107" s="872"/>
      <c r="G107" s="862" t="s">
        <v>209</v>
      </c>
      <c r="H107" s="873"/>
    </row>
    <row r="108" spans="1:8" s="224" customFormat="1" x14ac:dyDescent="0.2">
      <c r="A108" s="907" t="s">
        <v>500</v>
      </c>
      <c r="B108" s="907"/>
      <c r="C108" s="907"/>
      <c r="D108" s="907"/>
      <c r="E108" s="907"/>
      <c r="F108" s="910"/>
      <c r="G108" s="943">
        <v>144719735.44999999</v>
      </c>
      <c r="H108" s="944"/>
    </row>
    <row r="109" spans="1:8" s="18" customFormat="1" ht="11.25" x14ac:dyDescent="0.2">
      <c r="A109" s="908" t="s">
        <v>636</v>
      </c>
      <c r="B109" s="908"/>
      <c r="C109" s="908"/>
      <c r="D109" s="908"/>
      <c r="E109" s="908"/>
      <c r="F109" s="909"/>
      <c r="G109" s="878">
        <v>85.560504745941429</v>
      </c>
      <c r="H109" s="879"/>
    </row>
    <row r="110" spans="1:8" s="18" customFormat="1" x14ac:dyDescent="0.2">
      <c r="A110" s="908" t="s">
        <v>501</v>
      </c>
      <c r="B110" s="908"/>
      <c r="C110" s="908"/>
      <c r="D110" s="908"/>
      <c r="E110" s="908"/>
      <c r="F110" s="909"/>
      <c r="G110" s="878">
        <v>0</v>
      </c>
      <c r="H110" s="879"/>
    </row>
    <row r="111" spans="1:8" s="18" customFormat="1" x14ac:dyDescent="0.2">
      <c r="A111" s="956" t="s">
        <v>502</v>
      </c>
      <c r="B111" s="956"/>
      <c r="C111" s="956"/>
      <c r="D111" s="956"/>
      <c r="E111" s="956"/>
      <c r="F111" s="957"/>
      <c r="G111" s="874">
        <v>14.439495254058571</v>
      </c>
      <c r="H111" s="875"/>
    </row>
    <row r="112" spans="1:8" s="224" customFormat="1" ht="15" customHeight="1" x14ac:dyDescent="0.2">
      <c r="A112" s="873" t="s">
        <v>341</v>
      </c>
      <c r="B112" s="873"/>
      <c r="C112" s="873"/>
      <c r="D112" s="873"/>
      <c r="E112" s="873"/>
      <c r="F112" s="863"/>
      <c r="G112" s="862" t="s">
        <v>209</v>
      </c>
      <c r="H112" s="873"/>
    </row>
    <row r="113" spans="1:8" s="224" customFormat="1" x14ac:dyDescent="0.2">
      <c r="A113" s="933" t="s">
        <v>802</v>
      </c>
      <c r="B113" s="933"/>
      <c r="C113" s="933"/>
      <c r="D113" s="933"/>
      <c r="E113" s="933"/>
      <c r="F113" s="934"/>
      <c r="G113" s="943">
        <v>0</v>
      </c>
      <c r="H113" s="944"/>
    </row>
    <row r="114" spans="1:8" s="224" customFormat="1" ht="11.25" x14ac:dyDescent="0.2">
      <c r="A114" s="937" t="s">
        <v>803</v>
      </c>
      <c r="B114" s="937"/>
      <c r="C114" s="937"/>
      <c r="D114" s="937"/>
      <c r="E114" s="937"/>
      <c r="F114" s="938"/>
      <c r="G114" s="935">
        <v>0</v>
      </c>
      <c r="H114" s="936"/>
    </row>
    <row r="115" spans="1:8" s="18" customFormat="1" ht="15" customHeight="1" x14ac:dyDescent="0.2">
      <c r="A115" s="873" t="s">
        <v>340</v>
      </c>
      <c r="B115" s="873"/>
      <c r="C115" s="873"/>
      <c r="D115" s="873"/>
      <c r="E115" s="873"/>
      <c r="F115" s="873"/>
      <c r="G115" s="873"/>
      <c r="H115" s="873"/>
    </row>
    <row r="116" spans="1:8" s="224" customFormat="1" x14ac:dyDescent="0.2">
      <c r="A116" s="864" t="s">
        <v>342</v>
      </c>
      <c r="B116" s="857" t="s">
        <v>108</v>
      </c>
      <c r="C116" s="889"/>
      <c r="D116" s="857" t="s">
        <v>108</v>
      </c>
      <c r="E116" s="889"/>
      <c r="F116" s="862" t="s">
        <v>109</v>
      </c>
      <c r="G116" s="873"/>
      <c r="H116" s="873"/>
    </row>
    <row r="117" spans="1:8" s="224" customFormat="1" x14ac:dyDescent="0.2">
      <c r="A117" s="865"/>
      <c r="B117" s="858" t="s">
        <v>111</v>
      </c>
      <c r="C117" s="890"/>
      <c r="D117" s="858" t="s">
        <v>112</v>
      </c>
      <c r="E117" s="890"/>
      <c r="F117" s="857" t="s">
        <v>115</v>
      </c>
      <c r="G117" s="889"/>
      <c r="H117" s="221" t="s">
        <v>114</v>
      </c>
    </row>
    <row r="118" spans="1:8" s="224" customFormat="1" x14ac:dyDescent="0.2">
      <c r="A118" s="866"/>
      <c r="B118" s="859"/>
      <c r="C118" s="893"/>
      <c r="D118" s="859" t="s">
        <v>116</v>
      </c>
      <c r="E118" s="893"/>
      <c r="F118" s="859" t="s">
        <v>117</v>
      </c>
      <c r="G118" s="893"/>
      <c r="H118" s="222" t="s">
        <v>188</v>
      </c>
    </row>
    <row r="119" spans="1:8" s="224" customFormat="1" ht="15" customHeight="1" x14ac:dyDescent="0.2">
      <c r="A119" s="245" t="s">
        <v>773</v>
      </c>
      <c r="B119" s="869">
        <v>1998967837.5</v>
      </c>
      <c r="C119" s="870"/>
      <c r="D119" s="869">
        <v>1998983072.30125</v>
      </c>
      <c r="E119" s="870"/>
      <c r="F119" s="869">
        <v>349555093.97562504</v>
      </c>
      <c r="G119" s="870"/>
      <c r="H119" s="573">
        <v>17.486646026132359</v>
      </c>
    </row>
    <row r="120" spans="1:8" s="224" customFormat="1" ht="42.75" x14ac:dyDescent="0.2">
      <c r="A120" s="864" t="s">
        <v>343</v>
      </c>
      <c r="B120" s="78" t="s">
        <v>157</v>
      </c>
      <c r="C120" s="78" t="s">
        <v>157</v>
      </c>
      <c r="D120" s="862" t="s">
        <v>158</v>
      </c>
      <c r="E120" s="873"/>
      <c r="F120" s="862" t="s">
        <v>159</v>
      </c>
      <c r="G120" s="873"/>
      <c r="H120" s="243" t="s">
        <v>772</v>
      </c>
    </row>
    <row r="121" spans="1:8" customFormat="1" ht="12.75" x14ac:dyDescent="0.2">
      <c r="A121" s="865"/>
      <c r="B121" s="963" t="s">
        <v>111</v>
      </c>
      <c r="C121" s="79" t="s">
        <v>112</v>
      </c>
      <c r="D121" s="78" t="s">
        <v>115</v>
      </c>
      <c r="E121" s="221" t="s">
        <v>114</v>
      </c>
      <c r="F121" s="78" t="s">
        <v>115</v>
      </c>
      <c r="G121" s="221" t="s">
        <v>114</v>
      </c>
      <c r="H121" s="244"/>
    </row>
    <row r="122" spans="1:8" s="224" customFormat="1" ht="12.75" customHeight="1" x14ac:dyDescent="0.2">
      <c r="A122" s="866"/>
      <c r="B122" s="964"/>
      <c r="C122" s="220" t="s">
        <v>162</v>
      </c>
      <c r="D122" s="220" t="s">
        <v>163</v>
      </c>
      <c r="E122" s="222" t="s">
        <v>198</v>
      </c>
      <c r="F122" s="220" t="s">
        <v>164</v>
      </c>
      <c r="G122" s="222" t="s">
        <v>451</v>
      </c>
      <c r="H122" s="238" t="s">
        <v>352</v>
      </c>
    </row>
    <row r="123" spans="1:8" s="224" customFormat="1" ht="11.25" customHeight="1" x14ac:dyDescent="0.2">
      <c r="A123" s="645" t="s">
        <v>503</v>
      </c>
      <c r="B123" s="552">
        <v>130400</v>
      </c>
      <c r="C123" s="483">
        <v>0</v>
      </c>
      <c r="D123" s="574">
        <v>0</v>
      </c>
      <c r="E123" s="484">
        <v>0</v>
      </c>
      <c r="F123" s="483">
        <v>0</v>
      </c>
      <c r="G123" s="574">
        <v>0</v>
      </c>
      <c r="H123" s="483">
        <v>0</v>
      </c>
    </row>
    <row r="124" spans="1:8" s="18" customFormat="1" ht="11.25" customHeight="1" x14ac:dyDescent="0.2">
      <c r="A124" s="642" t="s">
        <v>504</v>
      </c>
      <c r="B124" s="575">
        <v>130400</v>
      </c>
      <c r="C124" s="536">
        <v>0</v>
      </c>
      <c r="D124" s="318">
        <v>0</v>
      </c>
      <c r="E124" s="484">
        <v>0</v>
      </c>
      <c r="F124" s="483">
        <v>0</v>
      </c>
      <c r="G124" s="318">
        <v>0</v>
      </c>
      <c r="H124" s="483">
        <v>0</v>
      </c>
    </row>
    <row r="125" spans="1:8" customFormat="1" ht="11.25" customHeight="1" x14ac:dyDescent="0.2">
      <c r="A125" s="642" t="s">
        <v>505</v>
      </c>
      <c r="B125" s="575"/>
      <c r="C125" s="483"/>
      <c r="D125" s="318"/>
      <c r="E125" s="484"/>
      <c r="F125" s="483"/>
      <c r="G125" s="318"/>
      <c r="H125" s="483">
        <v>0</v>
      </c>
    </row>
    <row r="126" spans="1:8" s="224" customFormat="1" ht="11.25" customHeight="1" x14ac:dyDescent="0.2">
      <c r="A126" s="646" t="s">
        <v>506</v>
      </c>
      <c r="B126" s="554">
        <v>558535000</v>
      </c>
      <c r="C126" s="483">
        <v>572239796</v>
      </c>
      <c r="D126" s="318">
        <v>142415577.34599999</v>
      </c>
      <c r="E126" s="554">
        <v>24.887394819705968</v>
      </c>
      <c r="F126" s="483">
        <v>92841869.890000001</v>
      </c>
      <c r="G126" s="539">
        <v>16.224294524598214</v>
      </c>
      <c r="H126" s="483">
        <v>0</v>
      </c>
    </row>
    <row r="127" spans="1:8" s="18" customFormat="1" ht="11.25" customHeight="1" x14ac:dyDescent="0.2">
      <c r="A127" s="642" t="s">
        <v>507</v>
      </c>
      <c r="B127" s="575">
        <v>557362800</v>
      </c>
      <c r="C127" s="536">
        <v>557362800</v>
      </c>
      <c r="D127" s="534">
        <v>130305633.81599998</v>
      </c>
      <c r="E127" s="559">
        <v>23.378961390318835</v>
      </c>
      <c r="F127" s="536">
        <v>86831841.269999996</v>
      </c>
      <c r="G127" s="576">
        <v>15.579052148797873</v>
      </c>
      <c r="H127" s="483">
        <v>0</v>
      </c>
    </row>
    <row r="128" spans="1:8" s="18" customFormat="1" ht="11.25" customHeight="1" x14ac:dyDescent="0.2">
      <c r="A128" s="642" t="s">
        <v>508</v>
      </c>
      <c r="B128" s="575">
        <v>1172200</v>
      </c>
      <c r="C128" s="536">
        <v>14876996</v>
      </c>
      <c r="D128" s="534">
        <v>12109943.529999999</v>
      </c>
      <c r="E128" s="559">
        <v>81.40046236484838</v>
      </c>
      <c r="F128" s="536">
        <v>6010028.6200000001</v>
      </c>
      <c r="G128" s="576">
        <v>40.398132929524216</v>
      </c>
      <c r="H128" s="483">
        <v>0</v>
      </c>
    </row>
    <row r="129" spans="1:8" s="224" customFormat="1" ht="11.25" customHeight="1" x14ac:dyDescent="0.2">
      <c r="A129" s="646" t="s">
        <v>509</v>
      </c>
      <c r="B129" s="561">
        <v>367092200</v>
      </c>
      <c r="C129" s="483">
        <v>380145140</v>
      </c>
      <c r="D129" s="318">
        <v>100605369.744</v>
      </c>
      <c r="E129" s="554">
        <v>26.464989068122769</v>
      </c>
      <c r="F129" s="483">
        <v>69329767.060000002</v>
      </c>
      <c r="G129" s="539">
        <v>18.237709696880515</v>
      </c>
      <c r="H129" s="483">
        <v>0</v>
      </c>
    </row>
    <row r="130" spans="1:8" s="18" customFormat="1" ht="11.25" customHeight="1" x14ac:dyDescent="0.2">
      <c r="A130" s="642" t="s">
        <v>510</v>
      </c>
      <c r="B130" s="575">
        <v>365575200</v>
      </c>
      <c r="C130" s="536">
        <v>365575200</v>
      </c>
      <c r="D130" s="534">
        <v>86641853.104000002</v>
      </c>
      <c r="E130" s="559">
        <v>23.700145169584808</v>
      </c>
      <c r="F130" s="536">
        <v>57887894.18</v>
      </c>
      <c r="G130" s="576">
        <v>15.834743215622943</v>
      </c>
      <c r="H130" s="483">
        <v>0</v>
      </c>
    </row>
    <row r="131" spans="1:8" s="18" customFormat="1" ht="11.25" customHeight="1" x14ac:dyDescent="0.2">
      <c r="A131" s="642" t="s">
        <v>511</v>
      </c>
      <c r="B131" s="575">
        <v>1517000</v>
      </c>
      <c r="C131" s="536">
        <v>14569940</v>
      </c>
      <c r="D131" s="534">
        <v>13963516.640000001</v>
      </c>
      <c r="E131" s="559">
        <v>95.837845866214963</v>
      </c>
      <c r="F131" s="536">
        <v>11441872.880000001</v>
      </c>
      <c r="G131" s="318">
        <v>78.530679467451478</v>
      </c>
      <c r="H131" s="483">
        <v>0</v>
      </c>
    </row>
    <row r="132" spans="1:8" s="224" customFormat="1" ht="11.25" customHeight="1" x14ac:dyDescent="0.2">
      <c r="A132" s="646" t="s">
        <v>512</v>
      </c>
      <c r="B132" s="561">
        <v>30137900</v>
      </c>
      <c r="C132" s="483">
        <v>30137900</v>
      </c>
      <c r="D132" s="318">
        <v>2361015</v>
      </c>
      <c r="E132" s="554">
        <v>7.8340395316196547</v>
      </c>
      <c r="F132" s="483">
        <v>1848618.8599999999</v>
      </c>
      <c r="G132" s="539">
        <v>6.1338675222892105</v>
      </c>
      <c r="H132" s="483">
        <v>0</v>
      </c>
    </row>
    <row r="133" spans="1:8" s="224" customFormat="1" ht="11.25" customHeight="1" x14ac:dyDescent="0.2">
      <c r="A133" s="646" t="s">
        <v>513</v>
      </c>
      <c r="B133" s="561">
        <v>1000000</v>
      </c>
      <c r="C133" s="483">
        <v>801341</v>
      </c>
      <c r="D133" s="318">
        <v>27647.27</v>
      </c>
      <c r="E133" s="554">
        <v>3.4501254771688958</v>
      </c>
      <c r="F133" s="483">
        <v>0</v>
      </c>
      <c r="G133" s="318">
        <v>0</v>
      </c>
      <c r="H133" s="483">
        <v>0</v>
      </c>
    </row>
    <row r="134" spans="1:8" s="224" customFormat="1" ht="11.25" customHeight="1" x14ac:dyDescent="0.2">
      <c r="A134" s="644" t="s">
        <v>514</v>
      </c>
      <c r="B134" s="561">
        <v>530341700</v>
      </c>
      <c r="C134" s="483">
        <v>729355363.87</v>
      </c>
      <c r="D134" s="577">
        <v>509897797.35000002</v>
      </c>
      <c r="E134" s="554">
        <v>69.910748944719344</v>
      </c>
      <c r="F134" s="483">
        <v>363512365.43000001</v>
      </c>
      <c r="G134" s="578">
        <v>49.840226511968496</v>
      </c>
      <c r="H134" s="483">
        <v>0</v>
      </c>
    </row>
    <row r="135" spans="1:8" s="224" customFormat="1" ht="15" customHeight="1" x14ac:dyDescent="0.2">
      <c r="A135" s="234" t="s">
        <v>515</v>
      </c>
      <c r="B135" s="579">
        <v>1487237200</v>
      </c>
      <c r="C135" s="579">
        <v>1712679540.8699999</v>
      </c>
      <c r="D135" s="579">
        <v>755307406.71000004</v>
      </c>
      <c r="E135" s="489">
        <v>44.100918396346472</v>
      </c>
      <c r="F135" s="580">
        <v>527532621.24000001</v>
      </c>
      <c r="G135" s="361">
        <v>30.801595316075659</v>
      </c>
      <c r="H135" s="481">
        <v>0</v>
      </c>
    </row>
    <row r="136" spans="1:8" s="224" customFormat="1" x14ac:dyDescent="0.2">
      <c r="A136" s="883" t="s">
        <v>344</v>
      </c>
      <c r="B136" s="883"/>
      <c r="C136" s="883"/>
      <c r="D136" s="883"/>
      <c r="E136" s="883"/>
      <c r="F136" s="864"/>
      <c r="G136" s="857" t="s">
        <v>209</v>
      </c>
      <c r="H136" s="886"/>
    </row>
    <row r="137" spans="1:8" s="224" customFormat="1" x14ac:dyDescent="0.2">
      <c r="A137" s="884"/>
      <c r="B137" s="884"/>
      <c r="C137" s="884"/>
      <c r="D137" s="884"/>
      <c r="E137" s="884"/>
      <c r="F137" s="865"/>
      <c r="G137" s="858"/>
      <c r="H137" s="887"/>
    </row>
    <row r="138" spans="1:8" s="224" customFormat="1" x14ac:dyDescent="0.2">
      <c r="A138" s="885"/>
      <c r="B138" s="885"/>
      <c r="C138" s="885"/>
      <c r="D138" s="885"/>
      <c r="E138" s="885"/>
      <c r="F138" s="866"/>
      <c r="G138" s="859"/>
      <c r="H138" s="888"/>
    </row>
    <row r="139" spans="1:8" s="18" customFormat="1" ht="12.75" x14ac:dyDescent="0.2">
      <c r="A139" s="653" t="s">
        <v>516</v>
      </c>
      <c r="B139" s="653"/>
      <c r="C139" s="653"/>
      <c r="D139" s="653"/>
      <c r="E139" s="641"/>
      <c r="F139" s="643"/>
      <c r="G139" s="700">
        <v>-93973143.806500047</v>
      </c>
      <c r="H139" s="940"/>
    </row>
    <row r="140" spans="1:8" s="18" customFormat="1" ht="12.75" x14ac:dyDescent="0.2">
      <c r="A140" s="650" t="s">
        <v>517</v>
      </c>
      <c r="B140" s="650"/>
      <c r="C140" s="650"/>
      <c r="D140" s="650"/>
      <c r="E140" s="639"/>
      <c r="F140" s="649"/>
      <c r="G140" s="698">
        <v>0</v>
      </c>
      <c r="H140" s="925"/>
    </row>
    <row r="141" spans="1:8" s="18" customFormat="1" ht="12.75" x14ac:dyDescent="0.2">
      <c r="A141" s="650" t="s">
        <v>518</v>
      </c>
      <c r="B141" s="650"/>
      <c r="C141" s="650"/>
      <c r="D141" s="650"/>
      <c r="E141" s="639"/>
      <c r="F141" s="649"/>
      <c r="G141" s="698">
        <v>669541</v>
      </c>
      <c r="H141" s="925"/>
    </row>
    <row r="142" spans="1:8" s="18" customFormat="1" ht="12.75" x14ac:dyDescent="0.2">
      <c r="A142" s="650" t="s">
        <v>519</v>
      </c>
      <c r="B142" s="650"/>
      <c r="C142" s="650"/>
      <c r="D142" s="650"/>
      <c r="E142" s="639"/>
      <c r="F142" s="649"/>
      <c r="G142" s="698">
        <v>0</v>
      </c>
      <c r="H142" s="925"/>
    </row>
    <row r="143" spans="1:8" s="18" customFormat="1" ht="12.75" x14ac:dyDescent="0.2">
      <c r="A143" s="650" t="s">
        <v>520</v>
      </c>
      <c r="B143" s="650"/>
      <c r="C143" s="650"/>
      <c r="D143" s="650"/>
      <c r="E143" s="639"/>
      <c r="F143" s="649"/>
      <c r="G143" s="698">
        <v>0</v>
      </c>
      <c r="H143" s="925"/>
    </row>
    <row r="144" spans="1:8" s="18" customFormat="1" ht="12.75" x14ac:dyDescent="0.2">
      <c r="A144" s="650" t="s">
        <v>774</v>
      </c>
      <c r="B144" s="650"/>
      <c r="C144" s="650"/>
      <c r="D144" s="650"/>
      <c r="E144" s="639"/>
      <c r="F144" s="649"/>
      <c r="G144" s="698">
        <v>0</v>
      </c>
      <c r="H144" s="925"/>
    </row>
    <row r="145" spans="1:8" s="18" customFormat="1" ht="12.75" x14ac:dyDescent="0.2">
      <c r="A145" s="651" t="s">
        <v>537</v>
      </c>
      <c r="B145" s="651"/>
      <c r="C145" s="651"/>
      <c r="D145" s="651"/>
      <c r="E145" s="651"/>
      <c r="F145" s="652"/>
      <c r="G145" s="692">
        <v>0</v>
      </c>
      <c r="H145" s="826"/>
    </row>
    <row r="146" spans="1:8" s="18" customFormat="1" ht="15" customHeight="1" x14ac:dyDescent="0.2">
      <c r="A146" s="942" t="s">
        <v>775</v>
      </c>
      <c r="B146" s="942"/>
      <c r="C146" s="942"/>
      <c r="D146" s="942"/>
      <c r="E146" s="261"/>
      <c r="F146" s="272"/>
      <c r="G146" s="704">
        <v>-93303602.806500047</v>
      </c>
      <c r="H146" s="939"/>
    </row>
    <row r="147" spans="1:8" s="18" customFormat="1" ht="15" customHeight="1" x14ac:dyDescent="0.2">
      <c r="A147" s="942" t="s">
        <v>776</v>
      </c>
      <c r="B147" s="942"/>
      <c r="C147" s="942"/>
      <c r="D147" s="942"/>
      <c r="E147" s="261"/>
      <c r="F147" s="272"/>
      <c r="G147" s="704">
        <v>620836224.04650009</v>
      </c>
      <c r="H147" s="939"/>
    </row>
    <row r="148" spans="1:8" s="18" customFormat="1" ht="6" customHeight="1" x14ac:dyDescent="0.2">
      <c r="A148" s="262"/>
      <c r="B148" s="246"/>
      <c r="C148" s="246"/>
      <c r="D148" s="246"/>
      <c r="E148" s="242"/>
      <c r="F148" s="242"/>
      <c r="G148" s="581"/>
      <c r="H148" s="581"/>
    </row>
    <row r="149" spans="1:8" s="18" customFormat="1" ht="15" customHeight="1" x14ac:dyDescent="0.2">
      <c r="A149" s="233" t="s">
        <v>777</v>
      </c>
      <c r="B149" s="233"/>
      <c r="C149" s="233"/>
      <c r="D149" s="233"/>
      <c r="E149" s="261"/>
      <c r="F149" s="272"/>
      <c r="G149" s="704">
        <v>44.401886479860018</v>
      </c>
      <c r="H149" s="726"/>
    </row>
    <row r="150" spans="1:8" s="18" customFormat="1" ht="6" customHeight="1" x14ac:dyDescent="0.2">
      <c r="A150" s="108"/>
      <c r="B150" s="108"/>
      <c r="C150" s="108"/>
      <c r="D150" s="108"/>
      <c r="E150" s="42"/>
      <c r="F150" s="42"/>
      <c r="G150" s="85"/>
      <c r="H150" s="89"/>
    </row>
    <row r="151" spans="1:8" s="18" customFormat="1" ht="15" customHeight="1" x14ac:dyDescent="0.2">
      <c r="A151" s="888" t="s">
        <v>346</v>
      </c>
      <c r="B151" s="888"/>
      <c r="C151" s="888"/>
      <c r="D151" s="888"/>
      <c r="E151" s="888"/>
      <c r="F151" s="888"/>
      <c r="G151" s="888"/>
      <c r="H151" s="888"/>
    </row>
    <row r="152" spans="1:8" s="224" customFormat="1" ht="42.75" x14ac:dyDescent="0.2">
      <c r="A152" s="864" t="s">
        <v>345</v>
      </c>
      <c r="B152" s="78" t="s">
        <v>157</v>
      </c>
      <c r="C152" s="78" t="s">
        <v>157</v>
      </c>
      <c r="D152" s="862" t="s">
        <v>158</v>
      </c>
      <c r="E152" s="873"/>
      <c r="F152" s="862" t="s">
        <v>159</v>
      </c>
      <c r="G152" s="873"/>
      <c r="H152" s="388" t="s">
        <v>772</v>
      </c>
    </row>
    <row r="153" spans="1:8" s="224" customFormat="1" ht="12.75" customHeight="1" x14ac:dyDescent="0.2">
      <c r="A153" s="865"/>
      <c r="B153" s="963" t="s">
        <v>111</v>
      </c>
      <c r="C153" s="79" t="s">
        <v>112</v>
      </c>
      <c r="D153" s="78" t="s">
        <v>115</v>
      </c>
      <c r="E153" s="221" t="s">
        <v>114</v>
      </c>
      <c r="F153" s="78" t="s">
        <v>115</v>
      </c>
      <c r="G153" s="221" t="s">
        <v>114</v>
      </c>
      <c r="H153" s="867" t="s">
        <v>352</v>
      </c>
    </row>
    <row r="154" spans="1:8" s="661" customFormat="1" x14ac:dyDescent="0.2">
      <c r="A154" s="866"/>
      <c r="B154" s="964"/>
      <c r="C154" s="654" t="s">
        <v>162</v>
      </c>
      <c r="D154" s="654" t="s">
        <v>163</v>
      </c>
      <c r="E154" s="656" t="s">
        <v>198</v>
      </c>
      <c r="F154" s="654" t="s">
        <v>164</v>
      </c>
      <c r="G154" s="656" t="s">
        <v>451</v>
      </c>
      <c r="H154" s="868"/>
    </row>
    <row r="155" spans="1:8" s="224" customFormat="1" ht="21" x14ac:dyDescent="0.2">
      <c r="A155" s="260" t="s">
        <v>778</v>
      </c>
      <c r="B155" s="329">
        <v>0</v>
      </c>
      <c r="C155" s="329">
        <v>0</v>
      </c>
      <c r="D155" s="329">
        <v>0</v>
      </c>
      <c r="E155" s="329">
        <v>0</v>
      </c>
      <c r="F155" s="333">
        <v>0</v>
      </c>
      <c r="G155" s="334">
        <v>0</v>
      </c>
      <c r="H155" s="332">
        <v>0</v>
      </c>
    </row>
    <row r="156" spans="1:8" s="224" customFormat="1" x14ac:dyDescent="0.2">
      <c r="A156" s="646" t="s">
        <v>779</v>
      </c>
      <c r="B156" s="329">
        <v>52127000</v>
      </c>
      <c r="C156" s="329">
        <v>52127000</v>
      </c>
      <c r="D156" s="329">
        <v>5775121.1299999999</v>
      </c>
      <c r="E156" s="329">
        <v>11.078943982964683</v>
      </c>
      <c r="F156" s="329">
        <v>2837193.8</v>
      </c>
      <c r="G156" s="335">
        <v>5.4428488115563907</v>
      </c>
      <c r="H156" s="330">
        <v>0</v>
      </c>
    </row>
    <row r="157" spans="1:8" s="224" customFormat="1" x14ac:dyDescent="0.2">
      <c r="A157" s="646" t="s">
        <v>780</v>
      </c>
      <c r="B157" s="329">
        <v>0</v>
      </c>
      <c r="C157" s="329">
        <v>37008</v>
      </c>
      <c r="D157" s="329">
        <v>37007.78</v>
      </c>
      <c r="E157" s="329">
        <v>99.999405533938599</v>
      </c>
      <c r="F157" s="329">
        <v>37007.78</v>
      </c>
      <c r="G157" s="335">
        <v>99.999405533938599</v>
      </c>
      <c r="H157" s="330">
        <v>0</v>
      </c>
    </row>
    <row r="158" spans="1:8" s="224" customFormat="1" x14ac:dyDescent="0.2">
      <c r="A158" s="644" t="s">
        <v>781</v>
      </c>
      <c r="B158" s="331">
        <v>113584400</v>
      </c>
      <c r="C158" s="331">
        <v>114147900</v>
      </c>
      <c r="D158" s="331">
        <v>23648053.990000002</v>
      </c>
      <c r="E158" s="331">
        <v>20.717029389064539</v>
      </c>
      <c r="F158" s="331">
        <v>6216447.1699999999</v>
      </c>
      <c r="G158" s="336">
        <v>5.4459584188583401</v>
      </c>
      <c r="H158" s="337"/>
    </row>
    <row r="159" spans="1:8" s="224" customFormat="1" ht="21" x14ac:dyDescent="0.2">
      <c r="A159" s="234" t="s">
        <v>782</v>
      </c>
      <c r="B159" s="338">
        <v>165711400</v>
      </c>
      <c r="C159" s="339">
        <v>166311908</v>
      </c>
      <c r="D159" s="339">
        <v>29460182.900000002</v>
      </c>
      <c r="E159" s="339">
        <v>17.713814515314201</v>
      </c>
      <c r="F159" s="339">
        <v>9090648.75</v>
      </c>
      <c r="G159" s="338">
        <v>5.4660239662453991</v>
      </c>
      <c r="H159" s="340">
        <v>0</v>
      </c>
    </row>
    <row r="160" spans="1:8" s="224" customFormat="1" ht="15" customHeight="1" x14ac:dyDescent="0.2">
      <c r="A160" s="234" t="s">
        <v>617</v>
      </c>
      <c r="B160" s="341">
        <v>1652948600</v>
      </c>
      <c r="C160" s="341">
        <v>1878991448.8699999</v>
      </c>
      <c r="D160" s="341">
        <v>784767589.61000001</v>
      </c>
      <c r="E160" s="339">
        <v>41.765362481130431</v>
      </c>
      <c r="F160" s="311">
        <v>536623269.99000001</v>
      </c>
      <c r="G160" s="338">
        <v>28.55911187423008</v>
      </c>
      <c r="H160" s="340">
        <v>0</v>
      </c>
    </row>
    <row r="161" spans="1:8" s="224" customFormat="1" x14ac:dyDescent="0.2">
      <c r="A161" s="883" t="s">
        <v>199</v>
      </c>
      <c r="B161" s="883"/>
      <c r="C161" s="857" t="s">
        <v>200</v>
      </c>
      <c r="D161" s="886"/>
      <c r="E161" s="886"/>
      <c r="F161" s="926" t="s">
        <v>886</v>
      </c>
      <c r="G161" s="883"/>
      <c r="H161" s="883"/>
    </row>
    <row r="162" spans="1:8" s="224" customFormat="1" x14ac:dyDescent="0.2">
      <c r="A162" s="884"/>
      <c r="B162" s="884"/>
      <c r="C162" s="858"/>
      <c r="D162" s="887"/>
      <c r="E162" s="887"/>
      <c r="F162" s="927"/>
      <c r="G162" s="884"/>
      <c r="H162" s="884"/>
    </row>
    <row r="163" spans="1:8" s="224" customFormat="1" x14ac:dyDescent="0.2">
      <c r="A163" s="885"/>
      <c r="B163" s="885"/>
      <c r="C163" s="859"/>
      <c r="D163" s="888"/>
      <c r="E163" s="888"/>
      <c r="F163" s="928"/>
      <c r="G163" s="885"/>
      <c r="H163" s="885"/>
    </row>
    <row r="164" spans="1:8" s="224" customFormat="1" x14ac:dyDescent="0.2">
      <c r="A164" s="907" t="s">
        <v>521</v>
      </c>
      <c r="B164" s="907"/>
      <c r="C164" s="913">
        <v>78927686.189999998</v>
      </c>
      <c r="D164" s="914"/>
      <c r="E164" s="915"/>
      <c r="F164" s="916">
        <v>0</v>
      </c>
      <c r="G164" s="917"/>
      <c r="H164" s="917"/>
    </row>
    <row r="165" spans="1:8" s="18" customFormat="1" x14ac:dyDescent="0.2">
      <c r="A165" s="906" t="s">
        <v>522</v>
      </c>
      <c r="B165" s="906"/>
      <c r="C165" s="918">
        <v>46411108.200000003</v>
      </c>
      <c r="D165" s="919"/>
      <c r="E165" s="931"/>
      <c r="F165" s="918">
        <v>0</v>
      </c>
      <c r="G165" s="919"/>
      <c r="H165" s="919"/>
    </row>
    <row r="166" spans="1:8" s="18" customFormat="1" x14ac:dyDescent="0.2">
      <c r="A166" s="941" t="s">
        <v>523</v>
      </c>
      <c r="B166" s="941"/>
      <c r="C166" s="929">
        <v>32516577.990000002</v>
      </c>
      <c r="D166" s="930"/>
      <c r="E166" s="932"/>
      <c r="F166" s="929">
        <v>0</v>
      </c>
      <c r="G166" s="930"/>
      <c r="H166" s="930"/>
    </row>
    <row r="167" spans="1:8" s="18" customFormat="1" ht="6" customHeight="1" x14ac:dyDescent="0.2">
      <c r="A167" s="273"/>
      <c r="B167" s="465"/>
      <c r="C167" s="465"/>
      <c r="D167" s="466"/>
      <c r="E167" s="466"/>
      <c r="F167" s="466"/>
      <c r="G167" s="88"/>
      <c r="H167" s="88"/>
    </row>
    <row r="168" spans="1:8" s="224" customFormat="1" x14ac:dyDescent="0.2">
      <c r="A168" s="904" t="s">
        <v>435</v>
      </c>
      <c r="B168" s="904"/>
      <c r="C168" s="904"/>
      <c r="D168" s="904"/>
      <c r="E168" s="904"/>
      <c r="F168" s="904"/>
      <c r="G168" s="857" t="s">
        <v>209</v>
      </c>
      <c r="H168" s="886"/>
    </row>
    <row r="169" spans="1:8" s="224" customFormat="1" x14ac:dyDescent="0.2">
      <c r="A169" s="905"/>
      <c r="B169" s="905"/>
      <c r="C169" s="905"/>
      <c r="D169" s="905"/>
      <c r="E169" s="905"/>
      <c r="F169" s="905"/>
      <c r="G169" s="859"/>
      <c r="H169" s="888"/>
    </row>
    <row r="170" spans="1:8" s="224" customFormat="1" x14ac:dyDescent="0.2">
      <c r="A170" s="903" t="s">
        <v>884</v>
      </c>
      <c r="B170" s="903"/>
      <c r="C170" s="903"/>
      <c r="D170" s="903"/>
      <c r="E170" s="903"/>
      <c r="F170" s="903"/>
      <c r="G170" s="913">
        <v>53417593.75</v>
      </c>
      <c r="H170" s="914"/>
    </row>
    <row r="171" spans="1:8" s="224" customFormat="1" x14ac:dyDescent="0.2">
      <c r="A171" s="259" t="s">
        <v>524</v>
      </c>
      <c r="B171" s="7"/>
      <c r="C171" s="7"/>
      <c r="D171" s="7"/>
      <c r="E171" s="86"/>
      <c r="F171" s="231"/>
      <c r="G171" s="920">
        <v>168473612</v>
      </c>
      <c r="H171" s="921"/>
    </row>
    <row r="172" spans="1:8" s="224" customFormat="1" x14ac:dyDescent="0.2">
      <c r="A172" s="259" t="s">
        <v>525</v>
      </c>
      <c r="B172" s="7"/>
      <c r="C172" s="7"/>
      <c r="D172" s="7"/>
      <c r="E172" s="86"/>
      <c r="F172" s="231"/>
      <c r="G172" s="920">
        <v>146495714.94999999</v>
      </c>
      <c r="H172" s="921"/>
    </row>
    <row r="173" spans="1:8" s="18" customFormat="1" x14ac:dyDescent="0.2">
      <c r="A173" s="14" t="s">
        <v>526</v>
      </c>
      <c r="B173" s="14"/>
      <c r="C173" s="14"/>
      <c r="D173" s="14"/>
      <c r="E173" s="83"/>
      <c r="F173" s="82"/>
      <c r="G173" s="918">
        <v>97263165.909999996</v>
      </c>
      <c r="H173" s="919"/>
    </row>
    <row r="174" spans="1:8" s="18" customFormat="1" x14ac:dyDescent="0.2">
      <c r="A174" s="253" t="s">
        <v>527</v>
      </c>
      <c r="B174" s="14"/>
      <c r="C174" s="14"/>
      <c r="D174" s="14"/>
      <c r="E174" s="83"/>
      <c r="F174" s="82"/>
      <c r="G174" s="918">
        <v>49232549.039999999</v>
      </c>
      <c r="H174" s="919"/>
    </row>
    <row r="175" spans="1:8" s="224" customFormat="1" x14ac:dyDescent="0.2">
      <c r="A175" s="259" t="s">
        <v>528</v>
      </c>
      <c r="B175" s="7"/>
      <c r="C175" s="7"/>
      <c r="D175" s="7"/>
      <c r="E175" s="86"/>
      <c r="F175" s="231"/>
      <c r="G175" s="920">
        <v>669541</v>
      </c>
      <c r="H175" s="921"/>
    </row>
    <row r="176" spans="1:8" s="224" customFormat="1" x14ac:dyDescent="0.2">
      <c r="A176" s="255" t="s">
        <v>529</v>
      </c>
      <c r="B176" s="242"/>
      <c r="C176" s="242"/>
      <c r="D176" s="242"/>
      <c r="E176" s="241"/>
      <c r="F176" s="247"/>
      <c r="G176" s="911">
        <v>76065031.800000012</v>
      </c>
      <c r="H176" s="912"/>
    </row>
    <row r="177" spans="1:8" s="18" customFormat="1" x14ac:dyDescent="0.2">
      <c r="A177" s="45" t="s">
        <v>848</v>
      </c>
      <c r="H177" s="293"/>
    </row>
    <row r="178" spans="1:8" s="18" customFormat="1" x14ac:dyDescent="0.2">
      <c r="A178" s="900" t="s">
        <v>629</v>
      </c>
      <c r="B178" s="901"/>
      <c r="C178" s="901"/>
      <c r="D178" s="901"/>
      <c r="E178" s="901"/>
      <c r="F178" s="901"/>
    </row>
    <row r="179" spans="1:8" s="18" customFormat="1" x14ac:dyDescent="0.2">
      <c r="A179" s="899" t="s">
        <v>630</v>
      </c>
      <c r="B179" s="902"/>
      <c r="C179" s="902"/>
      <c r="D179" s="902"/>
      <c r="E179" s="902"/>
      <c r="F179" s="902"/>
    </row>
    <row r="180" spans="1:8" s="18" customFormat="1" ht="11.25" x14ac:dyDescent="0.2">
      <c r="A180" s="899" t="s">
        <v>631</v>
      </c>
      <c r="B180" s="899"/>
      <c r="C180" s="899"/>
      <c r="D180" s="899"/>
      <c r="E180" s="899"/>
      <c r="F180" s="899"/>
    </row>
    <row r="181" spans="1:8" ht="11.25" x14ac:dyDescent="0.2">
      <c r="A181" s="899" t="s">
        <v>632</v>
      </c>
      <c r="B181" s="899"/>
      <c r="C181" s="899"/>
      <c r="D181" s="899"/>
      <c r="E181" s="899"/>
      <c r="F181" s="899"/>
    </row>
    <row r="182" spans="1:8" ht="11.25" x14ac:dyDescent="0.2">
      <c r="A182" s="899" t="s">
        <v>633</v>
      </c>
      <c r="B182" s="899"/>
      <c r="C182" s="899"/>
      <c r="D182" s="899"/>
      <c r="E182" s="899"/>
      <c r="F182" s="899"/>
    </row>
    <row r="183" spans="1:8" x14ac:dyDescent="0.2">
      <c r="A183" s="896" t="s">
        <v>634</v>
      </c>
      <c r="B183" s="896"/>
      <c r="C183" s="896"/>
      <c r="D183" s="896"/>
      <c r="E183" s="896"/>
      <c r="F183" s="896"/>
      <c r="G183" s="896"/>
      <c r="H183" s="896"/>
    </row>
    <row r="184" spans="1:8" x14ac:dyDescent="0.2">
      <c r="A184" s="896" t="s">
        <v>628</v>
      </c>
      <c r="B184" s="896"/>
      <c r="C184" s="896"/>
    </row>
    <row r="191" spans="1:8" s="45" customFormat="1" x14ac:dyDescent="0.2"/>
    <row r="192" spans="1:8" s="45" customFormat="1" x14ac:dyDescent="0.2"/>
    <row r="193" s="45" customFormat="1" x14ac:dyDescent="0.2"/>
    <row r="194" s="45" customFormat="1" x14ac:dyDescent="0.2"/>
    <row r="195" s="45" customFormat="1" x14ac:dyDescent="0.2"/>
    <row r="196" s="45" customFormat="1" x14ac:dyDescent="0.2"/>
    <row r="197" s="45" customFormat="1" x14ac:dyDescent="0.2"/>
  </sheetData>
  <customSheetViews>
    <customSheetView guid="{C779D862-DE28-46CD-A428-4AAA1056D1E1}" showPageBreaks="1" showGridLines="0" fitToPage="1" printArea="1" topLeftCell="A142">
      <selection activeCell="C157" sqref="C157"/>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B467DF90-BD78-4523-834B-7425556A2F17}" showPageBreaks="1" showGridLines="0" fitToPage="1" printArea="1" topLeftCell="A71">
      <selection activeCell="F87" sqref="F87"/>
      <pageMargins left="0.19685039370078741" right="0.19685039370078741" top="0.39370078740157483" bottom="0.59055118110236227" header="0" footer="0"/>
      <printOptions horizontalCentered="1"/>
      <pageSetup paperSize="9" scale="50" fitToHeight="2" orientation="portrait" r:id="rId2"/>
      <headerFooter alignWithMargins="0"/>
    </customSheetView>
    <customSheetView guid="{3AAF6A5F-F9AA-430B-9AD9-1261ECDF41B5}" scale="90" showPageBreaks="1" showGridLines="0" fitToPage="1" printArea="1" topLeftCell="A160">
      <selection activeCell="E126" sqref="E126"/>
      <pageMargins left="0.19685039370078741" right="0.19685039370078741" top="0.39370078740157483" bottom="0.59055118110236227" header="0" footer="0"/>
      <printOptions horizontalCentered="1"/>
      <pageSetup paperSize="9" scale="49" fitToHeight="2" orientation="portrait" r:id="rId3"/>
      <headerFooter alignWithMargins="0"/>
    </customSheetView>
    <customSheetView guid="{25EF1E0D-169B-4051-B414-7E1196FC05E4}" showPageBreaks="1" showGridLines="0" fitToPage="1" printArea="1" topLeftCell="B35">
      <selection activeCell="J57" sqref="J57"/>
      <pageMargins left="0.19685039370078741" right="0.19685039370078741" top="0.39370078740157483" bottom="0.59055118110236227" header="0" footer="0"/>
      <printOptions horizontalCentered="1"/>
      <pageSetup paperSize="9" scale="50" fitToHeight="2" orientation="portrait" r:id="rId4"/>
      <headerFooter alignWithMargins="0"/>
    </customSheetView>
    <customSheetView guid="{6DBFA32C-4AA4-4E1D-9A48-697377C64CC3}" scale="90" showPageBreaks="1" showGridLines="0" fitToPage="1" printArea="1" topLeftCell="A155">
      <selection activeCell="G174" sqref="G174:H174"/>
      <pageMargins left="0.19685039370078741" right="0.19685039370078741" top="0.39370078740157483" bottom="0.59055118110236227" header="0" footer="0"/>
      <printOptions horizontalCentered="1"/>
      <pageSetup paperSize="9" scale="49" fitToHeight="2" orientation="portrait"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7"/>
      <headerFooter alignWithMargins="0"/>
    </customSheetView>
    <customSheetView guid="{82EDB5A4-4824-4632-A540-7A52C92F04C7}" scale="90" showPageBreaks="1" showGridLines="0" printArea="1" topLeftCell="A155">
      <selection activeCell="C166" sqref="C166:E166"/>
      <pageMargins left="0.19685039370078741" right="0.19685039370078741" top="0.39370078740157483" bottom="0.39370078740157483" header="0" footer="0"/>
      <printOptions horizontalCentered="1"/>
      <pageSetup paperSize="9" scale="65" fitToHeight="2" orientation="landscape" r:id="rId8"/>
      <headerFooter alignWithMargins="0"/>
    </customSheetView>
  </customSheetViews>
  <mergeCells count="337">
    <mergeCell ref="B11:C12"/>
    <mergeCell ref="B47:C48"/>
    <mergeCell ref="B55:C56"/>
    <mergeCell ref="B73:C74"/>
    <mergeCell ref="B90:B91"/>
    <mergeCell ref="B117:C118"/>
    <mergeCell ref="B121:B122"/>
    <mergeCell ref="B153:B154"/>
    <mergeCell ref="F45:G45"/>
    <mergeCell ref="F31:G31"/>
    <mergeCell ref="F32:G32"/>
    <mergeCell ref="F33:G33"/>
    <mergeCell ref="F34:G34"/>
    <mergeCell ref="F35:G35"/>
    <mergeCell ref="F36:G36"/>
    <mergeCell ref="F37:G37"/>
    <mergeCell ref="F38:G38"/>
    <mergeCell ref="F39:G39"/>
    <mergeCell ref="D45:E45"/>
    <mergeCell ref="F13:G13"/>
    <mergeCell ref="F14:G14"/>
    <mergeCell ref="F15:G15"/>
    <mergeCell ref="F16:G16"/>
    <mergeCell ref="F17:G17"/>
    <mergeCell ref="F18:G18"/>
    <mergeCell ref="F19:G19"/>
    <mergeCell ref="F20:G20"/>
    <mergeCell ref="F21:G21"/>
    <mergeCell ref="F22:G22"/>
    <mergeCell ref="F23:G23"/>
    <mergeCell ref="F24:G24"/>
    <mergeCell ref="F25:G25"/>
    <mergeCell ref="F26:G26"/>
    <mergeCell ref="F27:G27"/>
    <mergeCell ref="F28:G28"/>
    <mergeCell ref="F29:G29"/>
    <mergeCell ref="F30:G30"/>
    <mergeCell ref="F40:G40"/>
    <mergeCell ref="F41:G41"/>
    <mergeCell ref="F42:G42"/>
    <mergeCell ref="F43:G43"/>
    <mergeCell ref="D30:E30"/>
    <mergeCell ref="D31:E31"/>
    <mergeCell ref="D32:E32"/>
    <mergeCell ref="D33:E33"/>
    <mergeCell ref="D34:E34"/>
    <mergeCell ref="D35:E35"/>
    <mergeCell ref="F44:G44"/>
    <mergeCell ref="D36:E36"/>
    <mergeCell ref="D37:E37"/>
    <mergeCell ref="D38:E38"/>
    <mergeCell ref="D39:E39"/>
    <mergeCell ref="D40:E40"/>
    <mergeCell ref="D41:E41"/>
    <mergeCell ref="D42:E42"/>
    <mergeCell ref="D43:E43"/>
    <mergeCell ref="D44:E44"/>
    <mergeCell ref="D66:E66"/>
    <mergeCell ref="D67:E67"/>
    <mergeCell ref="D68:E68"/>
    <mergeCell ref="D69:E69"/>
    <mergeCell ref="D70:E70"/>
    <mergeCell ref="F66:G66"/>
    <mergeCell ref="F67:G67"/>
    <mergeCell ref="D13:E13"/>
    <mergeCell ref="D14:E14"/>
    <mergeCell ref="D15:E15"/>
    <mergeCell ref="D16:E16"/>
    <mergeCell ref="D17:E17"/>
    <mergeCell ref="D18:E18"/>
    <mergeCell ref="D19:E19"/>
    <mergeCell ref="D20:E20"/>
    <mergeCell ref="D21:E21"/>
    <mergeCell ref="D22:E22"/>
    <mergeCell ref="D23:E23"/>
    <mergeCell ref="D24:E24"/>
    <mergeCell ref="D25:E25"/>
    <mergeCell ref="D26:E26"/>
    <mergeCell ref="D27:E27"/>
    <mergeCell ref="D28:E28"/>
    <mergeCell ref="D29:E29"/>
    <mergeCell ref="D60:E60"/>
    <mergeCell ref="D61:E61"/>
    <mergeCell ref="D49:E49"/>
    <mergeCell ref="D50:E50"/>
    <mergeCell ref="D51:E51"/>
    <mergeCell ref="D52:E52"/>
    <mergeCell ref="D53:E53"/>
    <mergeCell ref="D54:E54"/>
    <mergeCell ref="F49:G49"/>
    <mergeCell ref="F50:G50"/>
    <mergeCell ref="F51:G51"/>
    <mergeCell ref="F52:G52"/>
    <mergeCell ref="F53:G53"/>
    <mergeCell ref="D46:E46"/>
    <mergeCell ref="F46:H46"/>
    <mergeCell ref="F47:G47"/>
    <mergeCell ref="D48:E48"/>
    <mergeCell ref="F48:G48"/>
    <mergeCell ref="D55:E55"/>
    <mergeCell ref="F57:G57"/>
    <mergeCell ref="F58:G58"/>
    <mergeCell ref="F59:G59"/>
    <mergeCell ref="D47:E47"/>
    <mergeCell ref="D58:E58"/>
    <mergeCell ref="D59:E59"/>
    <mergeCell ref="B52:C52"/>
    <mergeCell ref="B53:C53"/>
    <mergeCell ref="B57:C57"/>
    <mergeCell ref="B58:C58"/>
    <mergeCell ref="B59:C59"/>
    <mergeCell ref="B60:C60"/>
    <mergeCell ref="B61:C61"/>
    <mergeCell ref="B85:C85"/>
    <mergeCell ref="B86:C86"/>
    <mergeCell ref="B70:C70"/>
    <mergeCell ref="B75:C75"/>
    <mergeCell ref="B76:C76"/>
    <mergeCell ref="B77:C77"/>
    <mergeCell ref="B66:C66"/>
    <mergeCell ref="B67:C67"/>
    <mergeCell ref="B68:C68"/>
    <mergeCell ref="B69:C69"/>
    <mergeCell ref="B82:C82"/>
    <mergeCell ref="D78:E78"/>
    <mergeCell ref="D84:E84"/>
    <mergeCell ref="D85:E85"/>
    <mergeCell ref="D86:E86"/>
    <mergeCell ref="A111:F111"/>
    <mergeCell ref="A110:F110"/>
    <mergeCell ref="B116:C116"/>
    <mergeCell ref="D116:E116"/>
    <mergeCell ref="A102:F102"/>
    <mergeCell ref="A103:F103"/>
    <mergeCell ref="B78:C78"/>
    <mergeCell ref="B79:C79"/>
    <mergeCell ref="F80:G80"/>
    <mergeCell ref="D79:E79"/>
    <mergeCell ref="D80:E80"/>
    <mergeCell ref="D81:E81"/>
    <mergeCell ref="D82:E82"/>
    <mergeCell ref="D83:E83"/>
    <mergeCell ref="B83:C83"/>
    <mergeCell ref="B84:C84"/>
    <mergeCell ref="F84:G84"/>
    <mergeCell ref="F85:G85"/>
    <mergeCell ref="F86:G86"/>
    <mergeCell ref="B81:C81"/>
    <mergeCell ref="F68:G68"/>
    <mergeCell ref="F69:G69"/>
    <mergeCell ref="F70:G70"/>
    <mergeCell ref="F75:G75"/>
    <mergeCell ref="F76:G76"/>
    <mergeCell ref="F77:G77"/>
    <mergeCell ref="F78:G78"/>
    <mergeCell ref="F79:G79"/>
    <mergeCell ref="F60:G60"/>
    <mergeCell ref="F61:G61"/>
    <mergeCell ref="F62:G62"/>
    <mergeCell ref="F63:G63"/>
    <mergeCell ref="F64:G64"/>
    <mergeCell ref="F65:G65"/>
    <mergeCell ref="B40:C40"/>
    <mergeCell ref="B41:C41"/>
    <mergeCell ref="B42:C42"/>
    <mergeCell ref="B43:C43"/>
    <mergeCell ref="B44:C44"/>
    <mergeCell ref="B45:C45"/>
    <mergeCell ref="B49:C49"/>
    <mergeCell ref="B50:C50"/>
    <mergeCell ref="B51:C51"/>
    <mergeCell ref="B46:C46"/>
    <mergeCell ref="B31:C31"/>
    <mergeCell ref="B32:C32"/>
    <mergeCell ref="B33:C33"/>
    <mergeCell ref="B34:C34"/>
    <mergeCell ref="B35:C35"/>
    <mergeCell ref="B36:C36"/>
    <mergeCell ref="B37:C37"/>
    <mergeCell ref="B38:C38"/>
    <mergeCell ref="B39:C39"/>
    <mergeCell ref="B22:C22"/>
    <mergeCell ref="B23:C23"/>
    <mergeCell ref="B24:C24"/>
    <mergeCell ref="B25:C25"/>
    <mergeCell ref="B26:C26"/>
    <mergeCell ref="B27:C27"/>
    <mergeCell ref="B28:C28"/>
    <mergeCell ref="B29:C29"/>
    <mergeCell ref="B30:C30"/>
    <mergeCell ref="G104:H104"/>
    <mergeCell ref="A3:H3"/>
    <mergeCell ref="A4:H4"/>
    <mergeCell ref="A5:H5"/>
    <mergeCell ref="A6:H6"/>
    <mergeCell ref="A7:H7"/>
    <mergeCell ref="A9:H9"/>
    <mergeCell ref="F12:G12"/>
    <mergeCell ref="B10:C10"/>
    <mergeCell ref="F10:H10"/>
    <mergeCell ref="D10:E10"/>
    <mergeCell ref="D11:E11"/>
    <mergeCell ref="D12:E12"/>
    <mergeCell ref="F11:G11"/>
    <mergeCell ref="A10:A11"/>
    <mergeCell ref="B13:C13"/>
    <mergeCell ref="B14:C14"/>
    <mergeCell ref="B15:C15"/>
    <mergeCell ref="B16:C16"/>
    <mergeCell ref="B17:C17"/>
    <mergeCell ref="B18:C18"/>
    <mergeCell ref="B19:C19"/>
    <mergeCell ref="B20:C20"/>
    <mergeCell ref="B21:C21"/>
    <mergeCell ref="G149:H149"/>
    <mergeCell ref="G147:H147"/>
    <mergeCell ref="G146:H146"/>
    <mergeCell ref="G139:H139"/>
    <mergeCell ref="F118:G118"/>
    <mergeCell ref="A152:A154"/>
    <mergeCell ref="A166:B166"/>
    <mergeCell ref="F81:G81"/>
    <mergeCell ref="B80:C80"/>
    <mergeCell ref="A146:D146"/>
    <mergeCell ref="A147:D147"/>
    <mergeCell ref="G101:H101"/>
    <mergeCell ref="G100:H100"/>
    <mergeCell ref="G103:H103"/>
    <mergeCell ref="A100:F100"/>
    <mergeCell ref="A101:F101"/>
    <mergeCell ref="G113:H113"/>
    <mergeCell ref="F82:G82"/>
    <mergeCell ref="F83:G83"/>
    <mergeCell ref="D119:E119"/>
    <mergeCell ref="A106:F106"/>
    <mergeCell ref="G108:H108"/>
    <mergeCell ref="G106:H106"/>
    <mergeCell ref="G105:H105"/>
    <mergeCell ref="F120:G120"/>
    <mergeCell ref="D117:E117"/>
    <mergeCell ref="D118:E118"/>
    <mergeCell ref="F117:G117"/>
    <mergeCell ref="A113:F113"/>
    <mergeCell ref="A115:H115"/>
    <mergeCell ref="G112:H112"/>
    <mergeCell ref="G114:H114"/>
    <mergeCell ref="A114:F114"/>
    <mergeCell ref="B119:C119"/>
    <mergeCell ref="G175:H175"/>
    <mergeCell ref="D65:E65"/>
    <mergeCell ref="D57:E57"/>
    <mergeCell ref="B62:C62"/>
    <mergeCell ref="B63:C63"/>
    <mergeCell ref="B64:C64"/>
    <mergeCell ref="B65:C65"/>
    <mergeCell ref="G171:H171"/>
    <mergeCell ref="G172:H172"/>
    <mergeCell ref="G173:H173"/>
    <mergeCell ref="G140:H140"/>
    <mergeCell ref="G141:H141"/>
    <mergeCell ref="G142:H142"/>
    <mergeCell ref="G143:H143"/>
    <mergeCell ref="G144:H144"/>
    <mergeCell ref="G145:H145"/>
    <mergeCell ref="G170:H170"/>
    <mergeCell ref="F161:H163"/>
    <mergeCell ref="F166:H166"/>
    <mergeCell ref="C165:E165"/>
    <mergeCell ref="C166:E166"/>
    <mergeCell ref="A161:B163"/>
    <mergeCell ref="A112:F112"/>
    <mergeCell ref="D120:E120"/>
    <mergeCell ref="A184:C184"/>
    <mergeCell ref="A183:H183"/>
    <mergeCell ref="A151:H151"/>
    <mergeCell ref="C161:E163"/>
    <mergeCell ref="A104:F104"/>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G176:H176"/>
    <mergeCell ref="C164:E164"/>
    <mergeCell ref="F164:H164"/>
    <mergeCell ref="F165:H165"/>
    <mergeCell ref="A181:F181"/>
    <mergeCell ref="G174:H174"/>
    <mergeCell ref="A54:A56"/>
    <mergeCell ref="A46:A48"/>
    <mergeCell ref="A116:A118"/>
    <mergeCell ref="A120:A122"/>
    <mergeCell ref="A136:F138"/>
    <mergeCell ref="G136:H138"/>
    <mergeCell ref="A99:H99"/>
    <mergeCell ref="D72:E72"/>
    <mergeCell ref="F72:H72"/>
    <mergeCell ref="A71:H71"/>
    <mergeCell ref="D73:E73"/>
    <mergeCell ref="F73:G73"/>
    <mergeCell ref="H89:H90"/>
    <mergeCell ref="F54:H54"/>
    <mergeCell ref="D74:E74"/>
    <mergeCell ref="F74:G74"/>
    <mergeCell ref="F55:G55"/>
    <mergeCell ref="D56:E56"/>
    <mergeCell ref="F56:G56"/>
    <mergeCell ref="B72:C72"/>
    <mergeCell ref="B54:C54"/>
    <mergeCell ref="D62:E62"/>
    <mergeCell ref="D63:E63"/>
    <mergeCell ref="D64:E64"/>
    <mergeCell ref="A72:A74"/>
    <mergeCell ref="H153:H154"/>
    <mergeCell ref="F119:G119"/>
    <mergeCell ref="A107:F107"/>
    <mergeCell ref="F116:H116"/>
    <mergeCell ref="G107:H107"/>
    <mergeCell ref="G111:H111"/>
    <mergeCell ref="D89:E89"/>
    <mergeCell ref="F89:G89"/>
    <mergeCell ref="A105:F105"/>
    <mergeCell ref="A89:A91"/>
    <mergeCell ref="G102:H102"/>
    <mergeCell ref="D75:E75"/>
    <mergeCell ref="D76:E76"/>
    <mergeCell ref="D77:E77"/>
    <mergeCell ref="G110:H110"/>
    <mergeCell ref="G109:H109"/>
  </mergeCells>
  <printOptions horizontalCentered="1"/>
  <pageMargins left="0.19685039370078741" right="0.19685039370078741" top="0.59055118110236227" bottom="0.39370078740157483" header="0" footer="0"/>
  <pageSetup paperSize="9" scale="50" fitToHeight="2" orientation="portrait" r:id="rId9"/>
  <headerFooter alignWithMargins="0"/>
  <drawing r:id="rId1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38"/>
  <sheetViews>
    <sheetView showGridLines="0" zoomScaleNormal="100" workbookViewId="0"/>
  </sheetViews>
  <sheetFormatPr defaultRowHeight="10.5" x14ac:dyDescent="0.2"/>
  <cols>
    <col min="1" max="1" width="63.5703125" style="76" customWidth="1"/>
    <col min="2" max="2" width="19" style="76" bestFit="1" customWidth="1"/>
    <col min="3" max="3" width="19.5703125" style="76" customWidth="1"/>
    <col min="4" max="4" width="19" style="76" customWidth="1"/>
    <col min="5" max="5" width="17.28515625" style="76" customWidth="1"/>
    <col min="6" max="6" width="19" style="76" bestFit="1" customWidth="1"/>
    <col min="7" max="7" width="17.85546875" style="76" customWidth="1"/>
    <col min="8" max="8" width="15.7109375" style="76" customWidth="1"/>
    <col min="9" max="16384" width="9.140625" style="76"/>
  </cols>
  <sheetData>
    <row r="1" spans="1:8" s="136" customFormat="1" x14ac:dyDescent="0.2">
      <c r="A1" s="134"/>
      <c r="B1" s="134"/>
      <c r="C1" s="134"/>
      <c r="D1" s="134"/>
      <c r="E1" s="134"/>
      <c r="F1" s="134"/>
      <c r="G1" s="134"/>
    </row>
    <row r="2" spans="1:8" s="136" customFormat="1" x14ac:dyDescent="0.2">
      <c r="A2" s="137"/>
      <c r="B2" s="137"/>
      <c r="C2" s="137"/>
      <c r="D2" s="137"/>
      <c r="E2" s="137"/>
    </row>
    <row r="3" spans="1:8" s="140" customFormat="1" x14ac:dyDescent="0.2">
      <c r="A3" s="965" t="s">
        <v>637</v>
      </c>
      <c r="B3" s="965"/>
      <c r="C3" s="965"/>
      <c r="D3" s="965"/>
      <c r="E3" s="965"/>
      <c r="F3" s="965"/>
      <c r="G3" s="965"/>
      <c r="H3" s="965"/>
    </row>
    <row r="4" spans="1:8" s="140" customFormat="1" x14ac:dyDescent="0.2">
      <c r="A4" s="965" t="s">
        <v>105</v>
      </c>
      <c r="B4" s="965"/>
      <c r="C4" s="965"/>
      <c r="D4" s="965"/>
      <c r="E4" s="965"/>
      <c r="F4" s="965"/>
      <c r="G4" s="965"/>
      <c r="H4" s="965"/>
    </row>
    <row r="5" spans="1:8" s="140" customFormat="1" x14ac:dyDescent="0.2">
      <c r="A5" s="949" t="s">
        <v>390</v>
      </c>
      <c r="B5" s="949"/>
      <c r="C5" s="949"/>
      <c r="D5" s="949"/>
      <c r="E5" s="949"/>
      <c r="F5" s="949"/>
      <c r="G5" s="949"/>
      <c r="H5" s="949"/>
    </row>
    <row r="6" spans="1:8" s="140" customFormat="1" x14ac:dyDescent="0.2">
      <c r="A6" s="965" t="s">
        <v>107</v>
      </c>
      <c r="B6" s="965"/>
      <c r="C6" s="965"/>
      <c r="D6" s="965"/>
      <c r="E6" s="965"/>
      <c r="F6" s="965"/>
      <c r="G6" s="965"/>
      <c r="H6" s="965"/>
    </row>
    <row r="7" spans="1:8" s="140" customFormat="1" x14ac:dyDescent="0.2">
      <c r="A7" s="965" t="s">
        <v>863</v>
      </c>
      <c r="B7" s="965"/>
      <c r="C7" s="965"/>
      <c r="D7" s="965"/>
      <c r="E7" s="965"/>
      <c r="F7" s="965"/>
      <c r="G7" s="965"/>
      <c r="H7" s="965"/>
    </row>
    <row r="8" spans="1:8" s="136" customFormat="1" x14ac:dyDescent="0.2">
      <c r="A8" s="137"/>
      <c r="B8" s="137"/>
      <c r="C8" s="137"/>
      <c r="D8" s="137"/>
      <c r="E8" s="137"/>
    </row>
    <row r="9" spans="1:8" s="136" customFormat="1" x14ac:dyDescent="0.2">
      <c r="A9" s="138" t="s">
        <v>413</v>
      </c>
      <c r="B9" s="135"/>
      <c r="C9" s="135"/>
      <c r="D9" s="135"/>
      <c r="H9" s="225">
        <v>1</v>
      </c>
    </row>
    <row r="10" spans="1:8" ht="15" customHeight="1" x14ac:dyDescent="0.2">
      <c r="A10" s="864" t="s">
        <v>391</v>
      </c>
      <c r="B10" s="860" t="s">
        <v>425</v>
      </c>
      <c r="C10" s="857" t="s">
        <v>235</v>
      </c>
      <c r="D10" s="889"/>
      <c r="E10" s="862" t="s">
        <v>109</v>
      </c>
      <c r="F10" s="873"/>
      <c r="G10" s="873"/>
      <c r="H10" s="873"/>
    </row>
    <row r="11" spans="1:8" ht="15" customHeight="1" x14ac:dyDescent="0.15">
      <c r="A11" s="865"/>
      <c r="B11" s="962"/>
      <c r="C11" s="858"/>
      <c r="D11" s="890"/>
      <c r="E11" s="894" t="s">
        <v>115</v>
      </c>
      <c r="F11" s="895"/>
      <c r="G11" s="894" t="s">
        <v>114</v>
      </c>
      <c r="H11" s="984"/>
    </row>
    <row r="12" spans="1:8" ht="15" customHeight="1" x14ac:dyDescent="0.2">
      <c r="A12" s="866"/>
      <c r="B12" s="861"/>
      <c r="C12" s="950" t="s">
        <v>116</v>
      </c>
      <c r="D12" s="951"/>
      <c r="E12" s="950" t="s">
        <v>117</v>
      </c>
      <c r="F12" s="951"/>
      <c r="G12" s="950" t="s">
        <v>224</v>
      </c>
      <c r="H12" s="978"/>
    </row>
    <row r="13" spans="1:8" s="281" customFormat="1" ht="15" customHeight="1" x14ac:dyDescent="0.2">
      <c r="A13" s="99" t="s">
        <v>402</v>
      </c>
      <c r="B13" s="582">
        <v>8815620800</v>
      </c>
      <c r="C13" s="943">
        <v>8815742678.4099998</v>
      </c>
      <c r="D13" s="952"/>
      <c r="E13" s="943">
        <v>1623759340.3899999</v>
      </c>
      <c r="F13" s="952"/>
      <c r="G13" s="943">
        <v>18.418860436644003</v>
      </c>
      <c r="H13" s="944"/>
    </row>
    <row r="14" spans="1:8" x14ac:dyDescent="0.2">
      <c r="A14" s="81" t="s">
        <v>403</v>
      </c>
      <c r="B14" s="583">
        <v>114800000</v>
      </c>
      <c r="C14" s="878">
        <v>114800000</v>
      </c>
      <c r="D14" s="924"/>
      <c r="E14" s="878">
        <v>40113124.859999999</v>
      </c>
      <c r="F14" s="924"/>
      <c r="G14" s="878">
        <v>34.941746393728224</v>
      </c>
      <c r="H14" s="879"/>
    </row>
    <row r="15" spans="1:8" ht="21" x14ac:dyDescent="0.2">
      <c r="A15" s="81" t="s">
        <v>437</v>
      </c>
      <c r="B15" s="583">
        <v>7734831400</v>
      </c>
      <c r="C15" s="878">
        <v>7734831400</v>
      </c>
      <c r="D15" s="924"/>
      <c r="E15" s="878">
        <v>1201281592.1299999</v>
      </c>
      <c r="F15" s="924"/>
      <c r="G15" s="878">
        <v>15.530805133386616</v>
      </c>
      <c r="H15" s="879"/>
    </row>
    <row r="16" spans="1:8" x14ac:dyDescent="0.2">
      <c r="A16" s="81" t="s">
        <v>404</v>
      </c>
      <c r="B16" s="583">
        <v>317100000</v>
      </c>
      <c r="C16" s="878">
        <v>317100000</v>
      </c>
      <c r="D16" s="924"/>
      <c r="E16" s="878">
        <v>288734122.19999999</v>
      </c>
      <c r="F16" s="924"/>
      <c r="G16" s="878">
        <v>91.054595458845782</v>
      </c>
      <c r="H16" s="879"/>
    </row>
    <row r="17" spans="1:8" ht="12.75" customHeight="1" x14ac:dyDescent="0.2">
      <c r="A17" s="81" t="s">
        <v>392</v>
      </c>
      <c r="B17" s="583">
        <v>588500000</v>
      </c>
      <c r="C17" s="878">
        <v>588500000</v>
      </c>
      <c r="D17" s="924"/>
      <c r="E17" s="878">
        <v>85986596.870000005</v>
      </c>
      <c r="F17" s="924"/>
      <c r="G17" s="878">
        <v>14.611146451996602</v>
      </c>
      <c r="H17" s="879"/>
    </row>
    <row r="18" spans="1:8" ht="10.5" customHeight="1" x14ac:dyDescent="0.2">
      <c r="A18" s="81" t="s">
        <v>405</v>
      </c>
      <c r="B18" s="320">
        <v>44220000</v>
      </c>
      <c r="C18" s="979">
        <v>44220000</v>
      </c>
      <c r="D18" s="980"/>
      <c r="E18" s="878">
        <v>6537368.04</v>
      </c>
      <c r="F18" s="924"/>
      <c r="G18" s="878">
        <v>14.783735956580731</v>
      </c>
      <c r="H18" s="879"/>
    </row>
    <row r="19" spans="1:8" ht="12.75" customHeight="1" x14ac:dyDescent="0.2">
      <c r="A19" s="81" t="s">
        <v>406</v>
      </c>
      <c r="B19" s="583">
        <v>16169400</v>
      </c>
      <c r="C19" s="979">
        <v>16291278.41</v>
      </c>
      <c r="D19" s="980"/>
      <c r="E19" s="878">
        <v>1106536.29</v>
      </c>
      <c r="F19" s="924"/>
      <c r="G19" s="878">
        <v>6.7922004777769924</v>
      </c>
      <c r="H19" s="879"/>
    </row>
    <row r="20" spans="1:8" ht="12.75" customHeight="1" x14ac:dyDescent="0.2">
      <c r="A20" s="81" t="s">
        <v>407</v>
      </c>
      <c r="B20" s="583">
        <v>0</v>
      </c>
      <c r="C20" s="878">
        <v>0</v>
      </c>
      <c r="D20" s="924"/>
      <c r="E20" s="878">
        <v>0</v>
      </c>
      <c r="F20" s="924"/>
      <c r="G20" s="878">
        <v>0</v>
      </c>
      <c r="H20" s="879"/>
    </row>
    <row r="21" spans="1:8" s="281" customFormat="1" ht="15" customHeight="1" x14ac:dyDescent="0.2">
      <c r="A21" s="282" t="s">
        <v>438</v>
      </c>
      <c r="B21" s="584">
        <v>1301100000</v>
      </c>
      <c r="C21" s="922">
        <v>1301100000</v>
      </c>
      <c r="D21" s="923"/>
      <c r="E21" s="922">
        <v>222245389.62</v>
      </c>
      <c r="F21" s="923"/>
      <c r="G21" s="922">
        <v>17.081345755130275</v>
      </c>
      <c r="H21" s="987"/>
    </row>
    <row r="22" spans="1:8" x14ac:dyDescent="0.2">
      <c r="A22" s="81" t="s">
        <v>408</v>
      </c>
      <c r="B22" s="585">
        <v>1164100000</v>
      </c>
      <c r="C22" s="878">
        <v>1164100000</v>
      </c>
      <c r="D22" s="924"/>
      <c r="E22" s="878">
        <v>203716788.46000001</v>
      </c>
      <c r="F22" s="924"/>
      <c r="G22" s="878">
        <v>17.49993887638519</v>
      </c>
      <c r="H22" s="879"/>
    </row>
    <row r="23" spans="1:8" x14ac:dyDescent="0.2">
      <c r="A23" s="81" t="s">
        <v>409</v>
      </c>
      <c r="B23" s="585">
        <v>118900000</v>
      </c>
      <c r="C23" s="878">
        <v>118900000</v>
      </c>
      <c r="D23" s="924"/>
      <c r="E23" s="878">
        <v>15519141.779999999</v>
      </c>
      <c r="F23" s="924"/>
      <c r="G23" s="878">
        <v>13.052263902439023</v>
      </c>
      <c r="H23" s="879"/>
    </row>
    <row r="24" spans="1:8" ht="21" x14ac:dyDescent="0.2">
      <c r="A24" s="81" t="s">
        <v>885</v>
      </c>
      <c r="B24" s="585">
        <v>18100000</v>
      </c>
      <c r="C24" s="878">
        <v>18100000</v>
      </c>
      <c r="D24" s="924"/>
      <c r="E24" s="878">
        <v>3009459.38</v>
      </c>
      <c r="F24" s="924"/>
      <c r="G24" s="878">
        <v>16.626847403314919</v>
      </c>
      <c r="H24" s="879"/>
    </row>
    <row r="25" spans="1:8" x14ac:dyDescent="0.2">
      <c r="A25" s="81" t="s">
        <v>410</v>
      </c>
      <c r="B25" s="585">
        <v>18100000</v>
      </c>
      <c r="C25" s="878">
        <v>18100000</v>
      </c>
      <c r="D25" s="924"/>
      <c r="E25" s="878">
        <v>3009459.38</v>
      </c>
      <c r="F25" s="924"/>
      <c r="G25" s="878">
        <v>16.626847403314919</v>
      </c>
      <c r="H25" s="879"/>
    </row>
    <row r="26" spans="1:8" x14ac:dyDescent="0.2">
      <c r="A26" s="81" t="s">
        <v>411</v>
      </c>
      <c r="B26" s="585">
        <v>0</v>
      </c>
      <c r="C26" s="878">
        <v>0</v>
      </c>
      <c r="D26" s="924"/>
      <c r="E26" s="878">
        <v>0</v>
      </c>
      <c r="F26" s="924"/>
      <c r="G26" s="878">
        <v>0</v>
      </c>
      <c r="H26" s="879"/>
    </row>
    <row r="27" spans="1:8" s="281" customFormat="1" ht="25.5" customHeight="1" x14ac:dyDescent="0.2">
      <c r="A27" s="282" t="s">
        <v>439</v>
      </c>
      <c r="B27" s="582">
        <v>2120849450</v>
      </c>
      <c r="C27" s="922">
        <v>2120910389.2049999</v>
      </c>
      <c r="D27" s="923"/>
      <c r="E27" s="922">
        <v>447784354.10750002</v>
      </c>
      <c r="F27" s="923"/>
      <c r="G27" s="922">
        <v>21.112837033880865</v>
      </c>
      <c r="H27" s="987"/>
    </row>
    <row r="28" spans="1:8" x14ac:dyDescent="0.2">
      <c r="A28" s="81" t="s">
        <v>440</v>
      </c>
      <c r="B28" s="585">
        <v>1924928650</v>
      </c>
      <c r="C28" s="878">
        <v>1924928650</v>
      </c>
      <c r="D28" s="924"/>
      <c r="E28" s="878">
        <v>298694073.44750005</v>
      </c>
      <c r="F28" s="924"/>
      <c r="G28" s="878">
        <v>15.517150386197434</v>
      </c>
      <c r="H28" s="879"/>
    </row>
    <row r="29" spans="1:8" x14ac:dyDescent="0.2">
      <c r="A29" s="81" t="s">
        <v>441</v>
      </c>
      <c r="B29" s="585">
        <v>166195800</v>
      </c>
      <c r="C29" s="878">
        <v>166256739.20500001</v>
      </c>
      <c r="D29" s="924"/>
      <c r="E29" s="878">
        <v>145210495.215</v>
      </c>
      <c r="F29" s="924"/>
      <c r="G29" s="878">
        <v>87.341118266460583</v>
      </c>
      <c r="H29" s="879"/>
    </row>
    <row r="30" spans="1:8" ht="12" customHeight="1" x14ac:dyDescent="0.2">
      <c r="A30" s="81" t="s">
        <v>442</v>
      </c>
      <c r="B30" s="585">
        <v>29725000</v>
      </c>
      <c r="C30" s="874">
        <v>29725000</v>
      </c>
      <c r="D30" s="953"/>
      <c r="E30" s="874">
        <v>3879785.4449999998</v>
      </c>
      <c r="F30" s="953"/>
      <c r="G30" s="874">
        <v>13.052263902439023</v>
      </c>
      <c r="H30" s="875"/>
    </row>
    <row r="31" spans="1:8" ht="24.95" customHeight="1" x14ac:dyDescent="0.2">
      <c r="A31" s="278" t="s">
        <v>443</v>
      </c>
      <c r="B31" s="586">
        <v>7995871350</v>
      </c>
      <c r="C31" s="947">
        <v>7995932289.2049999</v>
      </c>
      <c r="D31" s="954"/>
      <c r="E31" s="947">
        <v>1398220375.9024997</v>
      </c>
      <c r="F31" s="954"/>
      <c r="G31" s="947">
        <v>17.486646026132352</v>
      </c>
      <c r="H31" s="948"/>
    </row>
    <row r="32" spans="1:8" x14ac:dyDescent="0.2">
      <c r="A32" s="83"/>
      <c r="B32" s="86"/>
      <c r="C32" s="83"/>
      <c r="D32" s="326"/>
      <c r="E32" s="83"/>
      <c r="F32" s="356"/>
      <c r="G32" s="83"/>
      <c r="H32" s="83"/>
    </row>
    <row r="33" spans="1:8" ht="15" customHeight="1" x14ac:dyDescent="0.2">
      <c r="A33" s="886" t="s">
        <v>393</v>
      </c>
      <c r="B33" s="860" t="s">
        <v>425</v>
      </c>
      <c r="C33" s="857" t="s">
        <v>235</v>
      </c>
      <c r="D33" s="889"/>
      <c r="E33" s="862" t="s">
        <v>109</v>
      </c>
      <c r="F33" s="873"/>
      <c r="G33" s="873"/>
      <c r="H33" s="873"/>
    </row>
    <row r="34" spans="1:8" ht="15" customHeight="1" x14ac:dyDescent="0.15">
      <c r="A34" s="887"/>
      <c r="B34" s="962"/>
      <c r="C34" s="858"/>
      <c r="D34" s="890"/>
      <c r="E34" s="894" t="s">
        <v>115</v>
      </c>
      <c r="F34" s="895"/>
      <c r="G34" s="894" t="s">
        <v>114</v>
      </c>
      <c r="H34" s="984"/>
    </row>
    <row r="35" spans="1:8" ht="15" customHeight="1" x14ac:dyDescent="0.2">
      <c r="A35" s="888"/>
      <c r="B35" s="861"/>
      <c r="C35" s="950" t="s">
        <v>152</v>
      </c>
      <c r="D35" s="951"/>
      <c r="E35" s="950" t="s">
        <v>162</v>
      </c>
      <c r="F35" s="951"/>
      <c r="G35" s="950" t="s">
        <v>225</v>
      </c>
      <c r="H35" s="978"/>
    </row>
    <row r="36" spans="1:8" s="281" customFormat="1" ht="15.75" customHeight="1" x14ac:dyDescent="0.2">
      <c r="A36" s="280" t="s">
        <v>354</v>
      </c>
      <c r="B36" s="551">
        <v>288751500</v>
      </c>
      <c r="C36" s="943">
        <v>288751500</v>
      </c>
      <c r="D36" s="952"/>
      <c r="E36" s="943">
        <v>29340300.190000001</v>
      </c>
      <c r="F36" s="952"/>
      <c r="G36" s="943">
        <v>10.161090138059889</v>
      </c>
      <c r="H36" s="944"/>
    </row>
    <row r="37" spans="1:8" x14ac:dyDescent="0.2">
      <c r="A37" s="87" t="s">
        <v>394</v>
      </c>
      <c r="B37" s="549">
        <v>205626500</v>
      </c>
      <c r="C37" s="878">
        <v>205626500</v>
      </c>
      <c r="D37" s="924"/>
      <c r="E37" s="878">
        <v>19301086.210000001</v>
      </c>
      <c r="F37" s="924"/>
      <c r="G37" s="878">
        <v>9.3864780123184506</v>
      </c>
      <c r="H37" s="879"/>
    </row>
    <row r="38" spans="1:8" x14ac:dyDescent="0.2">
      <c r="A38" s="87" t="s">
        <v>412</v>
      </c>
      <c r="B38" s="549">
        <v>0</v>
      </c>
      <c r="C38" s="878">
        <v>0</v>
      </c>
      <c r="D38" s="924"/>
      <c r="E38" s="878">
        <v>0</v>
      </c>
      <c r="F38" s="924"/>
      <c r="G38" s="878">
        <v>0</v>
      </c>
      <c r="H38" s="879"/>
    </row>
    <row r="39" spans="1:8" x14ac:dyDescent="0.2">
      <c r="A39" s="87" t="s">
        <v>395</v>
      </c>
      <c r="B39" s="549">
        <v>0</v>
      </c>
      <c r="C39" s="878">
        <v>0</v>
      </c>
      <c r="D39" s="924"/>
      <c r="E39" s="878">
        <v>0</v>
      </c>
      <c r="F39" s="924"/>
      <c r="G39" s="878">
        <v>0</v>
      </c>
      <c r="H39" s="879"/>
    </row>
    <row r="40" spans="1:8" s="18" customFormat="1" x14ac:dyDescent="0.2">
      <c r="A40" s="83" t="s">
        <v>444</v>
      </c>
      <c r="B40" s="549">
        <v>83125000</v>
      </c>
      <c r="C40" s="878">
        <v>83125000</v>
      </c>
      <c r="D40" s="924"/>
      <c r="E40" s="878">
        <v>10039213.98</v>
      </c>
      <c r="F40" s="924"/>
      <c r="G40" s="878">
        <v>12.07724990075188</v>
      </c>
      <c r="H40" s="879"/>
    </row>
    <row r="41" spans="1:8" s="281" customFormat="1" ht="15" customHeight="1" x14ac:dyDescent="0.2">
      <c r="A41" s="280" t="s">
        <v>396</v>
      </c>
      <c r="B41" s="550">
        <v>0</v>
      </c>
      <c r="C41" s="922">
        <v>0</v>
      </c>
      <c r="D41" s="923"/>
      <c r="E41" s="922">
        <v>0</v>
      </c>
      <c r="F41" s="923"/>
      <c r="G41" s="922">
        <v>0</v>
      </c>
      <c r="H41" s="987"/>
    </row>
    <row r="42" spans="1:8" s="281" customFormat="1" ht="15" customHeight="1" x14ac:dyDescent="0.2">
      <c r="A42" s="230" t="s">
        <v>351</v>
      </c>
      <c r="B42" s="550">
        <v>0</v>
      </c>
      <c r="C42" s="878">
        <v>0</v>
      </c>
      <c r="D42" s="924"/>
      <c r="E42" s="922">
        <v>0</v>
      </c>
      <c r="F42" s="923"/>
      <c r="G42" s="922">
        <v>0</v>
      </c>
      <c r="H42" s="987"/>
    </row>
    <row r="43" spans="1:8" s="281" customFormat="1" ht="15" customHeight="1" x14ac:dyDescent="0.2">
      <c r="A43" s="265" t="s">
        <v>445</v>
      </c>
      <c r="B43" s="587">
        <v>0</v>
      </c>
      <c r="C43" s="874">
        <v>0</v>
      </c>
      <c r="D43" s="953"/>
      <c r="E43" s="935">
        <v>0</v>
      </c>
      <c r="F43" s="955"/>
      <c r="G43" s="935">
        <v>0</v>
      </c>
      <c r="H43" s="936"/>
    </row>
    <row r="44" spans="1:8" ht="15" customHeight="1" x14ac:dyDescent="0.2">
      <c r="A44" s="233" t="s">
        <v>397</v>
      </c>
      <c r="B44" s="586">
        <v>288751500</v>
      </c>
      <c r="C44" s="947">
        <v>288751500</v>
      </c>
      <c r="D44" s="954"/>
      <c r="E44" s="947">
        <v>29340300.190000001</v>
      </c>
      <c r="F44" s="954"/>
      <c r="G44" s="947">
        <v>10.161090138059889</v>
      </c>
      <c r="H44" s="948"/>
    </row>
    <row r="45" spans="1:8" x14ac:dyDescent="0.2">
      <c r="A45" s="86"/>
      <c r="B45" s="86"/>
      <c r="C45" s="89"/>
      <c r="D45" s="89"/>
      <c r="E45" s="89"/>
    </row>
    <row r="46" spans="1:8" ht="15" customHeight="1" x14ac:dyDescent="0.2">
      <c r="A46" s="889" t="s">
        <v>237</v>
      </c>
      <c r="B46" s="860" t="s">
        <v>783</v>
      </c>
      <c r="C46" s="78" t="s">
        <v>157</v>
      </c>
      <c r="D46" s="862" t="s">
        <v>158</v>
      </c>
      <c r="E46" s="863"/>
      <c r="F46" s="862" t="s">
        <v>159</v>
      </c>
      <c r="G46" s="873"/>
      <c r="H46" s="926" t="s">
        <v>618</v>
      </c>
    </row>
    <row r="47" spans="1:8" ht="21.75" customHeight="1" x14ac:dyDescent="0.2">
      <c r="A47" s="890"/>
      <c r="B47" s="962"/>
      <c r="C47" s="79" t="s">
        <v>112</v>
      </c>
      <c r="D47" s="263" t="s">
        <v>115</v>
      </c>
      <c r="E47" s="252" t="s">
        <v>114</v>
      </c>
      <c r="F47" s="263" t="s">
        <v>115</v>
      </c>
      <c r="G47" s="252" t="s">
        <v>114</v>
      </c>
      <c r="H47" s="927"/>
    </row>
    <row r="48" spans="1:8" ht="15" customHeight="1" x14ac:dyDescent="0.2">
      <c r="A48" s="43" t="s">
        <v>238</v>
      </c>
      <c r="B48" s="861"/>
      <c r="C48" s="638" t="s">
        <v>163</v>
      </c>
      <c r="D48" s="654" t="s">
        <v>233</v>
      </c>
      <c r="E48" s="648" t="s">
        <v>398</v>
      </c>
      <c r="F48" s="654" t="s">
        <v>164</v>
      </c>
      <c r="G48" s="648" t="s">
        <v>399</v>
      </c>
      <c r="H48" s="928"/>
    </row>
    <row r="49" spans="1:8" s="281" customFormat="1" x14ac:dyDescent="0.2">
      <c r="A49" s="236" t="s">
        <v>166</v>
      </c>
      <c r="B49" s="611">
        <v>1158051500</v>
      </c>
      <c r="C49" s="485">
        <v>1306156663.6700001</v>
      </c>
      <c r="D49" s="485">
        <v>568479846.80000007</v>
      </c>
      <c r="E49" s="485">
        <v>43.523098155982481</v>
      </c>
      <c r="F49" s="607">
        <v>265476254.66</v>
      </c>
      <c r="G49" s="599">
        <v>20.324993321557059</v>
      </c>
      <c r="H49" s="612">
        <v>0</v>
      </c>
    </row>
    <row r="50" spans="1:8" x14ac:dyDescent="0.2">
      <c r="A50" s="83" t="s">
        <v>206</v>
      </c>
      <c r="B50" s="585">
        <v>359584700</v>
      </c>
      <c r="C50" s="487">
        <v>351995200</v>
      </c>
      <c r="D50" s="598">
        <v>83658408.719999999</v>
      </c>
      <c r="E50" s="603">
        <v>23.766917480692918</v>
      </c>
      <c r="F50" s="598">
        <v>51489224.050000004</v>
      </c>
      <c r="G50" s="603">
        <v>14.627819939021897</v>
      </c>
      <c r="H50" s="604"/>
    </row>
    <row r="51" spans="1:8" x14ac:dyDescent="0.2">
      <c r="A51" s="83" t="s">
        <v>239</v>
      </c>
      <c r="B51" s="585">
        <v>1031000</v>
      </c>
      <c r="C51" s="487">
        <v>1031000</v>
      </c>
      <c r="D51" s="598">
        <v>981000</v>
      </c>
      <c r="E51" s="603">
        <v>95.150339476236667</v>
      </c>
      <c r="F51" s="598">
        <v>138687.59</v>
      </c>
      <c r="G51" s="603">
        <v>13.451754607177497</v>
      </c>
      <c r="H51" s="604">
        <v>0</v>
      </c>
    </row>
    <row r="52" spans="1:8" x14ac:dyDescent="0.2">
      <c r="A52" s="83" t="s">
        <v>207</v>
      </c>
      <c r="B52" s="585">
        <v>797435800</v>
      </c>
      <c r="C52" s="585">
        <v>953130463.66999996</v>
      </c>
      <c r="D52" s="598">
        <v>483840438.08000004</v>
      </c>
      <c r="E52" s="630">
        <v>50.763295951845578</v>
      </c>
      <c r="F52" s="598">
        <v>213848343.01999998</v>
      </c>
      <c r="G52" s="603">
        <v>22.436418850425095</v>
      </c>
      <c r="H52" s="604"/>
    </row>
    <row r="53" spans="1:8" s="281" customFormat="1" x14ac:dyDescent="0.2">
      <c r="A53" s="86" t="s">
        <v>167</v>
      </c>
      <c r="B53" s="582">
        <v>160250000</v>
      </c>
      <c r="C53" s="582">
        <v>157202343</v>
      </c>
      <c r="D53" s="582">
        <v>5857571.3499999996</v>
      </c>
      <c r="E53" s="599">
        <v>3.7261348897325277</v>
      </c>
      <c r="F53" s="607">
        <v>390182.18</v>
      </c>
      <c r="G53" s="599">
        <v>0.24820379426533104</v>
      </c>
      <c r="H53" s="608">
        <v>0</v>
      </c>
    </row>
    <row r="54" spans="1:8" x14ac:dyDescent="0.2">
      <c r="A54" s="18" t="s">
        <v>240</v>
      </c>
      <c r="B54" s="585">
        <v>157238900</v>
      </c>
      <c r="C54" s="487">
        <v>154191243</v>
      </c>
      <c r="D54" s="598">
        <v>3647571.35</v>
      </c>
      <c r="E54" s="603">
        <v>2.3656151147312561</v>
      </c>
      <c r="F54" s="598">
        <v>121250</v>
      </c>
      <c r="G54" s="603">
        <v>7.8636112947088693E-2</v>
      </c>
      <c r="H54" s="604"/>
    </row>
    <row r="55" spans="1:8" x14ac:dyDescent="0.2">
      <c r="A55" s="18" t="s">
        <v>241</v>
      </c>
      <c r="B55" s="585">
        <v>801100</v>
      </c>
      <c r="C55" s="487">
        <v>801100</v>
      </c>
      <c r="D55" s="598">
        <v>0</v>
      </c>
      <c r="E55" s="603">
        <v>0</v>
      </c>
      <c r="F55" s="598">
        <v>0</v>
      </c>
      <c r="G55" s="603">
        <v>0</v>
      </c>
      <c r="H55" s="604"/>
    </row>
    <row r="56" spans="1:8" ht="12" customHeight="1" x14ac:dyDescent="0.2">
      <c r="A56" s="18" t="s">
        <v>242</v>
      </c>
      <c r="B56" s="585">
        <v>2210000</v>
      </c>
      <c r="C56" s="487">
        <v>2210000</v>
      </c>
      <c r="D56" s="598">
        <v>2210000</v>
      </c>
      <c r="E56" s="603">
        <v>100</v>
      </c>
      <c r="F56" s="598">
        <v>268932.18</v>
      </c>
      <c r="G56" s="603">
        <v>12.168876923076922</v>
      </c>
      <c r="H56" s="613"/>
    </row>
    <row r="57" spans="1:8" ht="15" customHeight="1" x14ac:dyDescent="0.2">
      <c r="A57" s="233" t="s">
        <v>530</v>
      </c>
      <c r="B57" s="586">
        <v>1318301500</v>
      </c>
      <c r="C57" s="588">
        <v>1463359006.6700001</v>
      </c>
      <c r="D57" s="594">
        <v>574337418.1500001</v>
      </c>
      <c r="E57" s="589">
        <v>39.2478821350172</v>
      </c>
      <c r="F57" s="594">
        <v>265866436.84</v>
      </c>
      <c r="G57" s="589">
        <v>18.168230463487021</v>
      </c>
      <c r="H57" s="593">
        <v>0</v>
      </c>
    </row>
    <row r="58" spans="1:8" x14ac:dyDescent="0.2">
      <c r="A58" s="986"/>
      <c r="B58" s="986"/>
      <c r="C58" s="356"/>
      <c r="D58" s="356"/>
      <c r="E58" s="83"/>
    </row>
    <row r="59" spans="1:8" ht="15" customHeight="1" x14ac:dyDescent="0.2">
      <c r="A59" s="864" t="s">
        <v>372</v>
      </c>
      <c r="B59" s="860" t="s">
        <v>783</v>
      </c>
      <c r="C59" s="78" t="s">
        <v>157</v>
      </c>
      <c r="D59" s="862" t="s">
        <v>158</v>
      </c>
      <c r="E59" s="863"/>
      <c r="F59" s="862" t="s">
        <v>159</v>
      </c>
      <c r="G59" s="873"/>
      <c r="H59" s="926" t="s">
        <v>618</v>
      </c>
    </row>
    <row r="60" spans="1:8" ht="24" customHeight="1" x14ac:dyDescent="0.2">
      <c r="A60" s="865"/>
      <c r="B60" s="962"/>
      <c r="C60" s="79" t="s">
        <v>112</v>
      </c>
      <c r="D60" s="647" t="s">
        <v>115</v>
      </c>
      <c r="E60" s="640" t="s">
        <v>114</v>
      </c>
      <c r="F60" s="647" t="s">
        <v>115</v>
      </c>
      <c r="G60" s="640" t="s">
        <v>114</v>
      </c>
      <c r="H60" s="927"/>
    </row>
    <row r="61" spans="1:8" ht="15" customHeight="1" x14ac:dyDescent="0.2">
      <c r="A61" s="866"/>
      <c r="B61" s="861"/>
      <c r="C61" s="95"/>
      <c r="D61" s="654" t="s">
        <v>165</v>
      </c>
      <c r="E61" s="648" t="s">
        <v>619</v>
      </c>
      <c r="F61" s="654" t="s">
        <v>352</v>
      </c>
      <c r="G61" s="648" t="s">
        <v>620</v>
      </c>
      <c r="H61" s="928"/>
    </row>
    <row r="62" spans="1:8" ht="15" customHeight="1" x14ac:dyDescent="0.2">
      <c r="A62" s="283" t="s">
        <v>373</v>
      </c>
      <c r="B62" s="596">
        <v>0</v>
      </c>
      <c r="C62" s="597">
        <v>0</v>
      </c>
      <c r="D62" s="598">
        <v>0</v>
      </c>
      <c r="E62" s="599">
        <v>0</v>
      </c>
      <c r="F62" s="598">
        <v>0</v>
      </c>
      <c r="G62" s="599">
        <v>0</v>
      </c>
      <c r="H62" s="600">
        <v>0</v>
      </c>
    </row>
    <row r="63" spans="1:8" ht="24.95" customHeight="1" x14ac:dyDescent="0.2">
      <c r="A63" s="5" t="s">
        <v>374</v>
      </c>
      <c r="B63" s="601">
        <v>0</v>
      </c>
      <c r="C63" s="602">
        <v>0</v>
      </c>
      <c r="D63" s="598">
        <v>0</v>
      </c>
      <c r="E63" s="486">
        <v>0</v>
      </c>
      <c r="F63" s="603">
        <v>0</v>
      </c>
      <c r="G63" s="485">
        <v>0</v>
      </c>
      <c r="H63" s="604">
        <v>0</v>
      </c>
    </row>
    <row r="64" spans="1:8" x14ac:dyDescent="0.2">
      <c r="A64" s="284" t="s">
        <v>400</v>
      </c>
      <c r="B64" s="605">
        <v>111678600</v>
      </c>
      <c r="C64" s="606">
        <v>111678600</v>
      </c>
      <c r="D64" s="607">
        <v>17514169.850000001</v>
      </c>
      <c r="E64" s="486">
        <v>3.0494565209445943</v>
      </c>
      <c r="F64" s="599">
        <v>3385323.4</v>
      </c>
      <c r="G64" s="485">
        <v>1.2733173243816811</v>
      </c>
      <c r="H64" s="608">
        <v>0</v>
      </c>
    </row>
    <row r="65" spans="1:8" x14ac:dyDescent="0.2">
      <c r="A65" s="77" t="s">
        <v>401</v>
      </c>
      <c r="B65" s="549">
        <v>30503600</v>
      </c>
      <c r="C65" s="549">
        <v>30503600</v>
      </c>
      <c r="D65" s="598">
        <v>716415.1</v>
      </c>
      <c r="E65" s="672">
        <v>0.12473766767759041</v>
      </c>
      <c r="F65" s="674">
        <v>716415.1</v>
      </c>
      <c r="G65" s="671">
        <v>0.26946428760059804</v>
      </c>
      <c r="H65" s="604">
        <v>0</v>
      </c>
    </row>
    <row r="66" spans="1:8" x14ac:dyDescent="0.2">
      <c r="A66" s="77" t="s">
        <v>375</v>
      </c>
      <c r="B66" s="549">
        <v>3000000</v>
      </c>
      <c r="C66" s="549">
        <v>3000000</v>
      </c>
      <c r="D66" s="598">
        <v>0</v>
      </c>
      <c r="E66" s="672">
        <v>0</v>
      </c>
      <c r="F66" s="674">
        <v>0</v>
      </c>
      <c r="G66" s="671">
        <v>0</v>
      </c>
      <c r="H66" s="604">
        <v>0</v>
      </c>
    </row>
    <row r="67" spans="1:8" x14ac:dyDescent="0.2">
      <c r="A67" s="96" t="s">
        <v>376</v>
      </c>
      <c r="B67" s="549">
        <v>78175000</v>
      </c>
      <c r="C67" s="549">
        <v>78175000</v>
      </c>
      <c r="D67" s="549">
        <v>16797754.75</v>
      </c>
      <c r="E67" s="585">
        <v>2.9247188532670041</v>
      </c>
      <c r="F67" s="675">
        <v>2668908.2999999998</v>
      </c>
      <c r="G67" s="671">
        <v>1.003853036781083</v>
      </c>
      <c r="H67" s="604">
        <v>0</v>
      </c>
    </row>
    <row r="68" spans="1:8" x14ac:dyDescent="0.2">
      <c r="A68" s="285" t="s">
        <v>377</v>
      </c>
      <c r="B68" s="550">
        <v>180127900</v>
      </c>
      <c r="C68" s="550">
        <v>180127900</v>
      </c>
      <c r="D68" s="550">
        <v>57998707.68</v>
      </c>
      <c r="E68" s="582">
        <v>10.098368284417164</v>
      </c>
      <c r="F68" s="676">
        <v>7316574.1399999997</v>
      </c>
      <c r="G68" s="673">
        <v>2.7519735950736637</v>
      </c>
      <c r="H68" s="608">
        <v>0</v>
      </c>
    </row>
    <row r="69" spans="1:8" ht="32.25" x14ac:dyDescent="0.2">
      <c r="A69" s="5" t="s">
        <v>784</v>
      </c>
      <c r="B69" s="485">
        <v>0</v>
      </c>
      <c r="C69" s="485">
        <v>0</v>
      </c>
      <c r="D69" s="550">
        <v>0</v>
      </c>
      <c r="E69" s="582">
        <v>0</v>
      </c>
      <c r="F69" s="485">
        <v>0</v>
      </c>
      <c r="G69" s="485">
        <v>0</v>
      </c>
      <c r="H69" s="608">
        <v>0</v>
      </c>
    </row>
    <row r="70" spans="1:8" ht="21.75" x14ac:dyDescent="0.2">
      <c r="A70" s="285" t="s">
        <v>785</v>
      </c>
      <c r="B70" s="550">
        <v>0</v>
      </c>
      <c r="C70" s="550">
        <v>0</v>
      </c>
      <c r="D70" s="550">
        <v>0</v>
      </c>
      <c r="E70" s="582">
        <v>0</v>
      </c>
      <c r="F70" s="609">
        <v>0</v>
      </c>
      <c r="G70" s="485">
        <v>0</v>
      </c>
      <c r="H70" s="608">
        <v>0</v>
      </c>
    </row>
    <row r="71" spans="1:8" ht="35.1" customHeight="1" x14ac:dyDescent="0.2">
      <c r="A71" s="13" t="s">
        <v>786</v>
      </c>
      <c r="B71" s="550">
        <v>0</v>
      </c>
      <c r="C71" s="550">
        <v>0</v>
      </c>
      <c r="D71" s="550">
        <v>0</v>
      </c>
      <c r="E71" s="582">
        <v>0</v>
      </c>
      <c r="F71" s="609">
        <v>0</v>
      </c>
      <c r="G71" s="485">
        <v>0</v>
      </c>
      <c r="H71" s="610">
        <v>0</v>
      </c>
    </row>
    <row r="72" spans="1:8" s="224" customFormat="1" ht="16.5" customHeight="1" x14ac:dyDescent="0.2">
      <c r="A72" s="278" t="s">
        <v>446</v>
      </c>
      <c r="B72" s="593">
        <v>291806500</v>
      </c>
      <c r="C72" s="588">
        <v>291806500</v>
      </c>
      <c r="D72" s="593">
        <v>75512877.530000001</v>
      </c>
      <c r="E72" s="586">
        <v>13.147824805361759</v>
      </c>
      <c r="F72" s="593">
        <v>10701897.539999999</v>
      </c>
      <c r="G72" s="593">
        <v>4.0252909194553448</v>
      </c>
      <c r="H72" s="593">
        <v>0</v>
      </c>
    </row>
    <row r="73" spans="1:8" s="18" customFormat="1" x14ac:dyDescent="0.2">
      <c r="A73" s="97"/>
      <c r="B73" s="97"/>
      <c r="C73" s="97"/>
      <c r="D73" s="97"/>
      <c r="E73" s="360"/>
      <c r="F73" s="266"/>
      <c r="G73" s="356"/>
      <c r="H73" s="266"/>
    </row>
    <row r="74" spans="1:8" s="224" customFormat="1" ht="24.95" customHeight="1" x14ac:dyDescent="0.2">
      <c r="A74" s="286" t="s">
        <v>447</v>
      </c>
      <c r="B74" s="591">
        <v>1026495000</v>
      </c>
      <c r="C74" s="591">
        <v>1171552506.6700001</v>
      </c>
      <c r="D74" s="591">
        <v>498824540.62000012</v>
      </c>
      <c r="E74" s="592">
        <v>86.852175194638249</v>
      </c>
      <c r="F74" s="593">
        <v>255164539.30000001</v>
      </c>
      <c r="G74" s="594">
        <v>95.974709080544656</v>
      </c>
      <c r="H74" s="595">
        <v>0</v>
      </c>
    </row>
    <row r="75" spans="1:8" x14ac:dyDescent="0.2">
      <c r="A75" s="99"/>
      <c r="B75" s="80"/>
      <c r="C75" s="257"/>
      <c r="D75" s="83"/>
      <c r="E75" s="83"/>
      <c r="G75" s="90"/>
      <c r="H75" s="266"/>
    </row>
    <row r="76" spans="1:8" ht="24.75" customHeight="1" x14ac:dyDescent="0.2">
      <c r="A76" s="837" t="s">
        <v>621</v>
      </c>
      <c r="B76" s="837"/>
      <c r="C76" s="837"/>
      <c r="D76" s="838"/>
      <c r="E76" s="842">
        <v>18.249236221815231</v>
      </c>
      <c r="F76" s="843"/>
      <c r="G76" s="843"/>
      <c r="H76" s="843"/>
    </row>
    <row r="77" spans="1:8" ht="12.75" customHeight="1" x14ac:dyDescent="0.2">
      <c r="A77" s="6"/>
      <c r="B77" s="6"/>
      <c r="C77" s="6"/>
      <c r="D77" s="6"/>
      <c r="E77" s="100"/>
      <c r="F77" s="101"/>
      <c r="G77" s="101"/>
      <c r="H77" s="266"/>
    </row>
    <row r="78" spans="1:8" ht="25.5" customHeight="1" x14ac:dyDescent="0.2">
      <c r="A78" s="837" t="s">
        <v>622</v>
      </c>
      <c r="B78" s="837"/>
      <c r="C78" s="837"/>
      <c r="D78" s="838"/>
      <c r="E78" s="842">
        <v>87378094.191700071</v>
      </c>
      <c r="F78" s="843"/>
      <c r="G78" s="843"/>
      <c r="H78" s="843"/>
    </row>
    <row r="79" spans="1:8" x14ac:dyDescent="0.2">
      <c r="A79" s="7"/>
      <c r="B79" s="7"/>
      <c r="C79" s="7"/>
      <c r="D79" s="7"/>
      <c r="E79" s="87"/>
      <c r="F79" s="98"/>
      <c r="G79" s="98"/>
    </row>
    <row r="80" spans="1:8" ht="13.5" customHeight="1" x14ac:dyDescent="0.2">
      <c r="A80" s="883" t="s">
        <v>448</v>
      </c>
      <c r="B80" s="864"/>
      <c r="C80" s="860" t="s">
        <v>531</v>
      </c>
      <c r="D80" s="860" t="s">
        <v>787</v>
      </c>
      <c r="E80" s="860" t="s">
        <v>378</v>
      </c>
      <c r="F80" s="860" t="s">
        <v>379</v>
      </c>
      <c r="G80" s="926" t="s">
        <v>532</v>
      </c>
      <c r="H80" s="883"/>
    </row>
    <row r="81" spans="1:8" ht="21" customHeight="1" x14ac:dyDescent="0.2">
      <c r="A81" s="885"/>
      <c r="B81" s="866"/>
      <c r="C81" s="861"/>
      <c r="D81" s="861"/>
      <c r="E81" s="861"/>
      <c r="F81" s="861"/>
      <c r="G81" s="928"/>
      <c r="H81" s="885"/>
    </row>
    <row r="82" spans="1:8" ht="15" customHeight="1" x14ac:dyDescent="0.2">
      <c r="A82" s="633" t="s">
        <v>882</v>
      </c>
      <c r="B82" s="634"/>
      <c r="C82" s="590">
        <v>75998288.00999999</v>
      </c>
      <c r="D82" s="631">
        <v>0</v>
      </c>
      <c r="E82" s="590">
        <v>38682972.560000002</v>
      </c>
      <c r="F82" s="590">
        <v>37315315.449999988</v>
      </c>
      <c r="G82" s="988">
        <v>0</v>
      </c>
      <c r="H82" s="989"/>
    </row>
    <row r="83" spans="1:8" ht="15" customHeight="1" x14ac:dyDescent="0.2">
      <c r="A83" s="14" t="s">
        <v>892</v>
      </c>
      <c r="B83" s="107"/>
      <c r="C83" s="585">
        <v>1566501.98</v>
      </c>
      <c r="D83" s="632">
        <v>0</v>
      </c>
      <c r="E83" s="585">
        <v>418089.7</v>
      </c>
      <c r="F83" s="585">
        <v>1148412.28</v>
      </c>
      <c r="G83" s="669"/>
      <c r="H83" s="670">
        <v>148002.07</v>
      </c>
    </row>
    <row r="84" spans="1:8" ht="12.75" customHeight="1" x14ac:dyDescent="0.2">
      <c r="A84" s="14" t="s">
        <v>788</v>
      </c>
      <c r="B84" s="107"/>
      <c r="C84" s="585">
        <v>826671.31</v>
      </c>
      <c r="D84" s="632">
        <v>0</v>
      </c>
      <c r="E84" s="585">
        <v>0</v>
      </c>
      <c r="F84" s="677">
        <v>826671.31</v>
      </c>
      <c r="G84" s="874">
        <v>0</v>
      </c>
      <c r="H84" s="875"/>
    </row>
    <row r="85" spans="1:8" ht="15" customHeight="1" x14ac:dyDescent="0.2">
      <c r="A85" s="278" t="s">
        <v>380</v>
      </c>
      <c r="B85" s="272"/>
      <c r="C85" s="586">
        <v>78391461.299999997</v>
      </c>
      <c r="D85" s="586">
        <v>0</v>
      </c>
      <c r="E85" s="586">
        <v>39101062.260000005</v>
      </c>
      <c r="F85" s="586">
        <v>39290399.039999992</v>
      </c>
      <c r="G85" s="947">
        <v>148002.07</v>
      </c>
      <c r="H85" s="948"/>
    </row>
    <row r="86" spans="1:8" ht="12.75" customHeight="1" x14ac:dyDescent="0.2">
      <c r="A86" s="84"/>
      <c r="B86" s="266"/>
      <c r="C86" s="94"/>
      <c r="D86" s="266"/>
      <c r="E86" s="266"/>
      <c r="F86" s="90"/>
      <c r="G86" s="90"/>
      <c r="H86" s="90"/>
    </row>
    <row r="87" spans="1:8" ht="12.75" customHeight="1" x14ac:dyDescent="0.2">
      <c r="A87" s="884" t="s">
        <v>381</v>
      </c>
      <c r="B87" s="865"/>
      <c r="C87" s="927" t="s">
        <v>436</v>
      </c>
      <c r="D87" s="884"/>
      <c r="E87" s="884"/>
      <c r="F87" s="884"/>
      <c r="G87" s="884"/>
      <c r="H87" s="884"/>
    </row>
    <row r="88" spans="1:8" ht="15.75" customHeight="1" x14ac:dyDescent="0.2">
      <c r="A88" s="884"/>
      <c r="B88" s="865"/>
      <c r="C88" s="928"/>
      <c r="D88" s="885"/>
      <c r="E88" s="885"/>
      <c r="F88" s="885"/>
      <c r="G88" s="885"/>
      <c r="H88" s="885"/>
    </row>
    <row r="89" spans="1:8" ht="14.25" customHeight="1" x14ac:dyDescent="0.2">
      <c r="A89" s="884"/>
      <c r="B89" s="865"/>
      <c r="C89" s="860" t="s">
        <v>382</v>
      </c>
      <c r="D89" s="927" t="s">
        <v>383</v>
      </c>
      <c r="E89" s="884"/>
      <c r="F89" s="926" t="s">
        <v>887</v>
      </c>
      <c r="G89" s="883"/>
      <c r="H89" s="883"/>
    </row>
    <row r="90" spans="1:8" ht="11.25" customHeight="1" x14ac:dyDescent="0.2">
      <c r="A90" s="884"/>
      <c r="B90" s="865"/>
      <c r="C90" s="962"/>
      <c r="D90" s="927"/>
      <c r="E90" s="884"/>
      <c r="F90" s="927"/>
      <c r="G90" s="884"/>
      <c r="H90" s="884"/>
    </row>
    <row r="91" spans="1:8" ht="12.75" customHeight="1" x14ac:dyDescent="0.2">
      <c r="A91" s="885"/>
      <c r="B91" s="866"/>
      <c r="C91" s="861"/>
      <c r="D91" s="928" t="s">
        <v>349</v>
      </c>
      <c r="E91" s="885"/>
      <c r="F91" s="982" t="s">
        <v>888</v>
      </c>
      <c r="G91" s="983"/>
      <c r="H91" s="983"/>
    </row>
    <row r="92" spans="1:8" ht="13.5" customHeight="1" x14ac:dyDescent="0.2">
      <c r="A92" s="248" t="s">
        <v>891</v>
      </c>
      <c r="B92" s="8"/>
      <c r="C92" s="9"/>
      <c r="D92" s="972"/>
      <c r="E92" s="973"/>
      <c r="F92" s="966"/>
      <c r="G92" s="967"/>
      <c r="H92" s="967"/>
    </row>
    <row r="93" spans="1:8" ht="13.5" customHeight="1" x14ac:dyDescent="0.2">
      <c r="A93" s="249" t="s">
        <v>789</v>
      </c>
      <c r="B93" s="11"/>
      <c r="C93" s="12"/>
      <c r="D93" s="974"/>
      <c r="E93" s="975"/>
      <c r="F93" s="968"/>
      <c r="G93" s="969"/>
      <c r="H93" s="969"/>
    </row>
    <row r="94" spans="1:8" x14ac:dyDescent="0.2">
      <c r="A94" s="10"/>
      <c r="B94" s="11"/>
      <c r="C94" s="12"/>
      <c r="D94" s="976"/>
      <c r="E94" s="977"/>
      <c r="F94" s="970"/>
      <c r="G94" s="971"/>
      <c r="H94" s="971"/>
    </row>
    <row r="95" spans="1:8" ht="15" customHeight="1" x14ac:dyDescent="0.2">
      <c r="A95" s="942" t="s">
        <v>385</v>
      </c>
      <c r="B95" s="985"/>
      <c r="C95" s="287"/>
      <c r="D95" s="862"/>
      <c r="E95" s="863"/>
      <c r="F95" s="862"/>
      <c r="G95" s="873"/>
      <c r="H95" s="873"/>
    </row>
    <row r="96" spans="1:8" ht="12.75" customHeight="1" x14ac:dyDescent="0.2">
      <c r="A96" s="83"/>
      <c r="B96" s="83"/>
      <c r="C96" s="83"/>
      <c r="D96" s="83"/>
      <c r="E96" s="83"/>
      <c r="F96" s="98"/>
    </row>
    <row r="97" spans="1:8" ht="12.75" customHeight="1" x14ac:dyDescent="0.2">
      <c r="A97" s="883" t="s">
        <v>449</v>
      </c>
      <c r="B97" s="864"/>
      <c r="C97" s="926" t="s">
        <v>384</v>
      </c>
      <c r="D97" s="883"/>
      <c r="E97" s="883"/>
      <c r="F97" s="883"/>
      <c r="G97" s="883"/>
      <c r="H97" s="883"/>
    </row>
    <row r="98" spans="1:8" ht="15.75" customHeight="1" x14ac:dyDescent="0.2">
      <c r="A98" s="884"/>
      <c r="B98" s="865"/>
      <c r="C98" s="928"/>
      <c r="D98" s="885"/>
      <c r="E98" s="885"/>
      <c r="F98" s="885"/>
      <c r="G98" s="885"/>
      <c r="H98" s="885"/>
    </row>
    <row r="99" spans="1:8" ht="15" customHeight="1" x14ac:dyDescent="0.2">
      <c r="A99" s="884"/>
      <c r="B99" s="865"/>
      <c r="C99" s="860" t="s">
        <v>382</v>
      </c>
      <c r="D99" s="927" t="s">
        <v>383</v>
      </c>
      <c r="E99" s="884"/>
      <c r="F99" s="926" t="s">
        <v>887</v>
      </c>
      <c r="G99" s="883"/>
      <c r="H99" s="883"/>
    </row>
    <row r="100" spans="1:8" x14ac:dyDescent="0.2">
      <c r="A100" s="884"/>
      <c r="B100" s="865"/>
      <c r="C100" s="962"/>
      <c r="D100" s="927"/>
      <c r="E100" s="884"/>
      <c r="F100" s="927"/>
      <c r="G100" s="884"/>
      <c r="H100" s="884"/>
    </row>
    <row r="101" spans="1:8" ht="15" customHeight="1" x14ac:dyDescent="0.2">
      <c r="A101" s="885"/>
      <c r="B101" s="866"/>
      <c r="C101" s="861"/>
      <c r="D101" s="928" t="s">
        <v>350</v>
      </c>
      <c r="E101" s="885"/>
      <c r="F101" s="982" t="s">
        <v>888</v>
      </c>
      <c r="G101" s="983"/>
      <c r="H101" s="983"/>
    </row>
    <row r="102" spans="1:8" x14ac:dyDescent="0.2">
      <c r="A102" s="248" t="s">
        <v>791</v>
      </c>
      <c r="B102" s="8"/>
      <c r="C102" s="9"/>
      <c r="D102" s="972"/>
      <c r="E102" s="973"/>
      <c r="F102" s="966"/>
      <c r="G102" s="967"/>
      <c r="H102" s="967"/>
    </row>
    <row r="103" spans="1:8" x14ac:dyDescent="0.2">
      <c r="A103" s="249" t="s">
        <v>790</v>
      </c>
      <c r="B103" s="11"/>
      <c r="C103" s="12"/>
      <c r="D103" s="974"/>
      <c r="E103" s="975"/>
      <c r="F103" s="968"/>
      <c r="G103" s="969"/>
      <c r="H103" s="969"/>
    </row>
    <row r="104" spans="1:8" x14ac:dyDescent="0.2">
      <c r="A104" s="10"/>
      <c r="B104" s="11"/>
      <c r="C104" s="12"/>
      <c r="D104" s="976"/>
      <c r="E104" s="977"/>
      <c r="F104" s="970"/>
      <c r="G104" s="971"/>
      <c r="H104" s="971"/>
    </row>
    <row r="105" spans="1:8" ht="15" customHeight="1" x14ac:dyDescent="0.2">
      <c r="A105" s="981" t="s">
        <v>450</v>
      </c>
      <c r="B105" s="981"/>
      <c r="C105" s="287"/>
      <c r="D105" s="862"/>
      <c r="E105" s="863"/>
      <c r="F105" s="862"/>
      <c r="G105" s="873"/>
      <c r="H105" s="873"/>
    </row>
    <row r="106" spans="1:8" x14ac:dyDescent="0.2">
      <c r="A106" s="266"/>
      <c r="B106" s="266"/>
      <c r="C106" s="266"/>
      <c r="D106" s="266"/>
      <c r="E106" s="266"/>
      <c r="F106" s="90"/>
      <c r="G106" s="90"/>
      <c r="H106" s="90"/>
    </row>
    <row r="107" spans="1:8" ht="15" customHeight="1" x14ac:dyDescent="0.2">
      <c r="A107" s="889" t="s">
        <v>237</v>
      </c>
      <c r="B107" s="860" t="s">
        <v>783</v>
      </c>
      <c r="C107" s="860" t="s">
        <v>236</v>
      </c>
      <c r="D107" s="862" t="s">
        <v>158</v>
      </c>
      <c r="E107" s="873"/>
      <c r="F107" s="862" t="s">
        <v>159</v>
      </c>
      <c r="G107" s="873"/>
      <c r="H107" s="926" t="s">
        <v>618</v>
      </c>
    </row>
    <row r="108" spans="1:8" ht="21.75" customHeight="1" x14ac:dyDescent="0.2">
      <c r="A108" s="890"/>
      <c r="B108" s="962"/>
      <c r="C108" s="962"/>
      <c r="D108" s="78" t="s">
        <v>115</v>
      </c>
      <c r="E108" s="679" t="s">
        <v>114</v>
      </c>
      <c r="F108" s="78" t="s">
        <v>115</v>
      </c>
      <c r="G108" s="679" t="s">
        <v>114</v>
      </c>
      <c r="H108" s="927"/>
    </row>
    <row r="109" spans="1:8" ht="21.75" customHeight="1" x14ac:dyDescent="0.2">
      <c r="A109" s="655" t="s">
        <v>244</v>
      </c>
      <c r="B109" s="861"/>
      <c r="C109" s="861"/>
      <c r="D109" s="654" t="s">
        <v>386</v>
      </c>
      <c r="E109" s="680" t="s">
        <v>387</v>
      </c>
      <c r="F109" s="654" t="s">
        <v>388</v>
      </c>
      <c r="G109" s="680" t="s">
        <v>389</v>
      </c>
      <c r="H109" s="928"/>
    </row>
    <row r="110" spans="1:8" x14ac:dyDescent="0.2">
      <c r="A110" s="83" t="s">
        <v>245</v>
      </c>
      <c r="B110" s="321">
        <v>54532000</v>
      </c>
      <c r="C110" s="321">
        <v>54532000</v>
      </c>
      <c r="D110" s="323">
        <v>42675115.359999999</v>
      </c>
      <c r="E110" s="355">
        <v>7.4303212730699233</v>
      </c>
      <c r="F110" s="323">
        <v>2843597.03</v>
      </c>
      <c r="G110" s="355">
        <v>1.0695584834994774</v>
      </c>
      <c r="H110" s="91"/>
    </row>
    <row r="111" spans="1:8" x14ac:dyDescent="0.2">
      <c r="A111" s="83" t="s">
        <v>246</v>
      </c>
      <c r="B111" s="321">
        <v>785416800</v>
      </c>
      <c r="C111" s="321">
        <v>786220800.00000012</v>
      </c>
      <c r="D111" s="323">
        <v>233146100.39999998</v>
      </c>
      <c r="E111" s="352">
        <v>40.593924935447816</v>
      </c>
      <c r="F111" s="355">
        <v>45472324.209999979</v>
      </c>
      <c r="G111" s="351">
        <v>17.1034466593335</v>
      </c>
      <c r="H111" s="92"/>
    </row>
    <row r="112" spans="1:8" x14ac:dyDescent="0.2">
      <c r="A112" s="83" t="s">
        <v>247</v>
      </c>
      <c r="B112" s="321">
        <v>100252000</v>
      </c>
      <c r="C112" s="321">
        <v>99265400</v>
      </c>
      <c r="D112" s="323">
        <v>14662066.709999999</v>
      </c>
      <c r="E112" s="352">
        <v>2.5528663546296584</v>
      </c>
      <c r="F112" s="355">
        <v>2725496.7100000004</v>
      </c>
      <c r="G112" s="351">
        <v>1.025137562452165</v>
      </c>
      <c r="H112" s="92"/>
    </row>
    <row r="113" spans="1:8" x14ac:dyDescent="0.2">
      <c r="A113" s="83" t="s">
        <v>248</v>
      </c>
      <c r="B113" s="321">
        <v>975100</v>
      </c>
      <c r="C113" s="321">
        <v>975100</v>
      </c>
      <c r="D113" s="323">
        <v>64128.14</v>
      </c>
      <c r="E113" s="352">
        <v>1.1165586286640241E-2</v>
      </c>
      <c r="F113" s="355">
        <v>17813.09</v>
      </c>
      <c r="G113" s="351">
        <v>6.7000145681118915E-3</v>
      </c>
      <c r="H113" s="92"/>
    </row>
    <row r="114" spans="1:8" x14ac:dyDescent="0.2">
      <c r="A114" s="83" t="s">
        <v>249</v>
      </c>
      <c r="B114" s="321">
        <v>14751600</v>
      </c>
      <c r="C114" s="321">
        <v>14951600</v>
      </c>
      <c r="D114" s="323">
        <v>4116099.1099999994</v>
      </c>
      <c r="E114" s="352">
        <v>0.71666915299692291</v>
      </c>
      <c r="F114" s="355">
        <v>1526705.78</v>
      </c>
      <c r="G114" s="351">
        <v>0.57423787603501864</v>
      </c>
      <c r="H114" s="92"/>
    </row>
    <row r="115" spans="1:8" x14ac:dyDescent="0.2">
      <c r="A115" s="83" t="s">
        <v>250</v>
      </c>
      <c r="B115" s="321">
        <v>19989000</v>
      </c>
      <c r="C115" s="321">
        <v>19989000</v>
      </c>
      <c r="D115" s="323">
        <v>5136485.46</v>
      </c>
      <c r="E115" s="352">
        <v>0.89433237286631084</v>
      </c>
      <c r="F115" s="355">
        <v>3411586.8</v>
      </c>
      <c r="G115" s="351">
        <v>1.2831957431517065</v>
      </c>
      <c r="H115" s="92"/>
    </row>
    <row r="116" spans="1:8" ht="13.5" customHeight="1" x14ac:dyDescent="0.2">
      <c r="A116" s="88" t="s">
        <v>232</v>
      </c>
      <c r="B116" s="358">
        <v>342385000</v>
      </c>
      <c r="C116" s="358">
        <v>487425106.66999996</v>
      </c>
      <c r="D116" s="323">
        <v>274537422.96999997</v>
      </c>
      <c r="E116" s="352">
        <v>47.800720324702745</v>
      </c>
      <c r="F116" s="355">
        <v>209868913.22</v>
      </c>
      <c r="G116" s="351">
        <v>78.937723660960017</v>
      </c>
      <c r="H116" s="93"/>
    </row>
    <row r="117" spans="1:8" ht="15" customHeight="1" x14ac:dyDescent="0.2">
      <c r="A117" s="233" t="s">
        <v>170</v>
      </c>
      <c r="B117" s="322">
        <v>1318301500</v>
      </c>
      <c r="C117" s="322">
        <v>1463359006.6700001</v>
      </c>
      <c r="D117" s="324">
        <v>574337418.14999986</v>
      </c>
      <c r="E117" s="354">
        <v>100</v>
      </c>
      <c r="F117" s="359">
        <v>265866436.83999997</v>
      </c>
      <c r="G117" s="353">
        <v>100</v>
      </c>
      <c r="H117" s="325">
        <v>0</v>
      </c>
    </row>
    <row r="118" spans="1:8" ht="10.5" customHeight="1" x14ac:dyDescent="0.2">
      <c r="A118" s="182" t="s">
        <v>848</v>
      </c>
      <c r="B118" s="326"/>
      <c r="C118" s="326"/>
      <c r="D118" s="326"/>
      <c r="E118" s="182"/>
      <c r="F118" s="98"/>
      <c r="G118" s="98"/>
      <c r="H118" s="295"/>
    </row>
    <row r="119" spans="1:8" ht="11.25" x14ac:dyDescent="0.2">
      <c r="A119" s="83" t="s">
        <v>0</v>
      </c>
      <c r="B119" s="103"/>
      <c r="C119" s="103"/>
      <c r="D119" s="83"/>
      <c r="E119" s="356"/>
      <c r="F119" s="98"/>
      <c r="G119" s="98"/>
    </row>
    <row r="120" spans="1:8" ht="11.25" x14ac:dyDescent="0.2">
      <c r="A120" s="83" t="s">
        <v>623</v>
      </c>
      <c r="B120" s="103"/>
      <c r="C120" s="103"/>
      <c r="D120" s="83"/>
      <c r="E120" s="356"/>
      <c r="F120" s="98"/>
      <c r="G120" s="98"/>
    </row>
    <row r="121" spans="1:8" ht="11.25" x14ac:dyDescent="0.2">
      <c r="A121" s="83" t="s">
        <v>624</v>
      </c>
      <c r="B121" s="103"/>
      <c r="C121" s="103"/>
      <c r="D121" s="83"/>
      <c r="E121" s="83"/>
      <c r="F121" s="98"/>
      <c r="G121" s="98"/>
    </row>
    <row r="122" spans="1:8" ht="11.25" x14ac:dyDescent="0.2">
      <c r="A122" s="18" t="s">
        <v>625</v>
      </c>
      <c r="B122" s="104"/>
      <c r="C122" s="104"/>
      <c r="D122" s="83"/>
      <c r="E122" s="83"/>
      <c r="F122" s="98"/>
      <c r="G122" s="98"/>
    </row>
    <row r="123" spans="1:8" ht="11.25" x14ac:dyDescent="0.2">
      <c r="A123" s="18" t="s">
        <v>626</v>
      </c>
    </row>
    <row r="124" spans="1:8" ht="11.25" x14ac:dyDescent="0.2">
      <c r="A124" s="105" t="s">
        <v>627</v>
      </c>
    </row>
    <row r="125" spans="1:8" x14ac:dyDescent="0.2">
      <c r="A125" s="896" t="s">
        <v>628</v>
      </c>
      <c r="B125" s="896"/>
      <c r="C125" s="896"/>
    </row>
    <row r="126" spans="1:8" x14ac:dyDescent="0.2">
      <c r="B126" s="326"/>
      <c r="C126" s="326"/>
      <c r="D126" s="326"/>
      <c r="E126" s="326"/>
    </row>
    <row r="127" spans="1:8" x14ac:dyDescent="0.2">
      <c r="B127" s="326"/>
      <c r="C127" s="326"/>
      <c r="D127" s="326"/>
      <c r="E127" s="326"/>
      <c r="F127" s="326"/>
      <c r="G127" s="326"/>
    </row>
    <row r="128" spans="1:8" x14ac:dyDescent="0.2">
      <c r="B128" s="326"/>
    </row>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row r="137" s="45" customFormat="1" ht="11.25" customHeight="1" x14ac:dyDescent="0.2"/>
    <row r="138" s="45" customFormat="1" ht="11.25" customHeight="1" x14ac:dyDescent="0.2"/>
  </sheetData>
  <customSheetViews>
    <customSheetView guid="{C779D862-DE28-46CD-A428-4AAA1056D1E1}" scale="98" showPageBreaks="1" showGridLines="0" fitToPage="1" printArea="1" topLeftCell="A109">
      <selection activeCell="D92" sqref="D92:E92"/>
      <pageMargins left="0.19685039370078741" right="0.19685039370078741" top="0.78740157480314965" bottom="0.39370078740157483" header="0" footer="0"/>
      <printOptions horizontalCentered="1"/>
      <pageSetup paperSize="9" scale="53" fitToHeight="2" orientation="portrait" r:id="rId1"/>
    </customSheetView>
    <customSheetView guid="{B467DF90-BD78-4523-834B-7425556A2F17}" showPageBreaks="1" showGridLines="0" fitToPage="1" printArea="1" topLeftCell="A76">
      <selection activeCell="E83" sqref="E83"/>
      <pageMargins left="0.19685039370078741" right="0.19685039370078741" top="0.78740157480314965" bottom="0.39370078740157483" header="0" footer="0"/>
      <printOptions horizontalCentered="1"/>
      <pageSetup paperSize="9" scale="53" fitToHeight="2" orientation="portrait" r:id="rId2"/>
    </customSheetView>
    <customSheetView guid="{3AAF6A5F-F9AA-430B-9AD9-1261ECDF41B5}" showPageBreaks="1" showGridLines="0" fitToPage="1" printArea="1" topLeftCell="A73">
      <selection activeCell="A84" sqref="A84"/>
      <pageMargins left="0.19685039370078741" right="0.19685039370078741" top="0.78740157480314965" bottom="0.39370078740157483" header="0" footer="0"/>
      <printOptions horizontalCentered="1"/>
      <pageSetup paperSize="9" scale="52" fitToHeight="2" orientation="portrait" r:id="rId3"/>
    </customSheetView>
    <customSheetView guid="{25EF1E0D-169B-4051-B414-7E1196FC05E4}" showPageBreaks="1" showGridLines="0" fitToPage="1" printArea="1" topLeftCell="A22">
      <selection activeCell="C17" sqref="C17:D17"/>
      <pageMargins left="0.19685039370078741" right="0.19685039370078741" top="0.78740157480314965" bottom="0.39370078740157483" header="0" footer="0"/>
      <printOptions horizontalCentered="1"/>
      <pageSetup paperSize="9" scale="53" fitToHeight="2" orientation="portrait" r:id="rId4"/>
    </customSheetView>
    <customSheetView guid="{6DBFA32C-4AA4-4E1D-9A48-697377C64CC3}" showPageBreaks="1" showGridLines="0" fitToPage="1" printArea="1" topLeftCell="A70">
      <selection activeCell="E83" sqref="E83"/>
      <pageMargins left="0.19685039370078741" right="0.19685039370078741" top="0.78740157480314965" bottom="0.39370078740157483" header="0" footer="0"/>
      <printOptions horizontalCentered="1"/>
      <pageSetup paperSize="9" scale="53"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7"/>
    </customSheetView>
    <customSheetView guid="{82EDB5A4-4824-4632-A540-7A52C92F04C7}" showPageBreaks="1" showGridLines="0" printArea="1" topLeftCell="A39">
      <selection activeCell="A128" sqref="A128:XFD128"/>
      <pageMargins left="0.19685039370078741" right="0.19685039370078741" top="0.98425196850393704" bottom="0.39370078740157483" header="0" footer="0"/>
      <printOptions horizontalCentered="1"/>
      <pageSetup paperSize="9" scale="70" fitToHeight="2" orientation="landscape" r:id="rId8"/>
    </customSheetView>
  </customSheetViews>
  <mergeCells count="170">
    <mergeCell ref="D104:E104"/>
    <mergeCell ref="F102:H102"/>
    <mergeCell ref="F103:H103"/>
    <mergeCell ref="F104:H104"/>
    <mergeCell ref="F99:H100"/>
    <mergeCell ref="F101:H101"/>
    <mergeCell ref="F107:G107"/>
    <mergeCell ref="H107:H109"/>
    <mergeCell ref="D101:E101"/>
    <mergeCell ref="D105:E105"/>
    <mergeCell ref="D99:E100"/>
    <mergeCell ref="C39:D39"/>
    <mergeCell ref="C40:D40"/>
    <mergeCell ref="C41:D41"/>
    <mergeCell ref="C42:D42"/>
    <mergeCell ref="C43:D43"/>
    <mergeCell ref="G44:H44"/>
    <mergeCell ref="E76:H76"/>
    <mergeCell ref="E78:H78"/>
    <mergeCell ref="G82:H82"/>
    <mergeCell ref="G39:H39"/>
    <mergeCell ref="G40:H40"/>
    <mergeCell ref="G41:H41"/>
    <mergeCell ref="G42:H42"/>
    <mergeCell ref="G43:H43"/>
    <mergeCell ref="F59:G59"/>
    <mergeCell ref="H59:H61"/>
    <mergeCell ref="G30:H30"/>
    <mergeCell ref="G31:H31"/>
    <mergeCell ref="C36:D36"/>
    <mergeCell ref="C37:D37"/>
    <mergeCell ref="C38:D38"/>
    <mergeCell ref="G36:H36"/>
    <mergeCell ref="G37:H37"/>
    <mergeCell ref="G38:H38"/>
    <mergeCell ref="G25:H25"/>
    <mergeCell ref="G26:H26"/>
    <mergeCell ref="G27:H27"/>
    <mergeCell ref="G28:H28"/>
    <mergeCell ref="G29:H29"/>
    <mergeCell ref="E28:F28"/>
    <mergeCell ref="E29:F29"/>
    <mergeCell ref="E30:F30"/>
    <mergeCell ref="E31:F31"/>
    <mergeCell ref="E36:F36"/>
    <mergeCell ref="E37:F37"/>
    <mergeCell ref="E38:F38"/>
    <mergeCell ref="C31:D31"/>
    <mergeCell ref="C29:D29"/>
    <mergeCell ref="C30:D30"/>
    <mergeCell ref="E25:F25"/>
    <mergeCell ref="G13:H13"/>
    <mergeCell ref="G14:H14"/>
    <mergeCell ref="G15:H15"/>
    <mergeCell ref="G16:H16"/>
    <mergeCell ref="G17:H17"/>
    <mergeCell ref="G18:H18"/>
    <mergeCell ref="G19:H19"/>
    <mergeCell ref="G20:H20"/>
    <mergeCell ref="G21:H21"/>
    <mergeCell ref="E26:F26"/>
    <mergeCell ref="E27:F27"/>
    <mergeCell ref="C26:D26"/>
    <mergeCell ref="C27:D27"/>
    <mergeCell ref="C28:D28"/>
    <mergeCell ref="E13:F13"/>
    <mergeCell ref="E14:F14"/>
    <mergeCell ref="E15:F15"/>
    <mergeCell ref="E16:F16"/>
    <mergeCell ref="E17:F17"/>
    <mergeCell ref="E18:F18"/>
    <mergeCell ref="E19:F19"/>
    <mergeCell ref="E20:F20"/>
    <mergeCell ref="E21:F21"/>
    <mergeCell ref="A125:C125"/>
    <mergeCell ref="E10:H10"/>
    <mergeCell ref="E11:F11"/>
    <mergeCell ref="G11:H11"/>
    <mergeCell ref="E12:F12"/>
    <mergeCell ref="C97:H98"/>
    <mergeCell ref="A87:B91"/>
    <mergeCell ref="D89:E90"/>
    <mergeCell ref="D91:E91"/>
    <mergeCell ref="G12:H12"/>
    <mergeCell ref="A33:A35"/>
    <mergeCell ref="E33:H33"/>
    <mergeCell ref="E34:F34"/>
    <mergeCell ref="G34:H34"/>
    <mergeCell ref="E35:F35"/>
    <mergeCell ref="A95:B95"/>
    <mergeCell ref="F95:H95"/>
    <mergeCell ref="C99:C101"/>
    <mergeCell ref="A46:A47"/>
    <mergeCell ref="D46:E46"/>
    <mergeCell ref="F46:G46"/>
    <mergeCell ref="H46:H48"/>
    <mergeCell ref="A58:B58"/>
    <mergeCell ref="A59:A61"/>
    <mergeCell ref="A107:A108"/>
    <mergeCell ref="D80:D81"/>
    <mergeCell ref="G80:H81"/>
    <mergeCell ref="A76:D76"/>
    <mergeCell ref="A78:D78"/>
    <mergeCell ref="C80:C81"/>
    <mergeCell ref="E80:E81"/>
    <mergeCell ref="F80:F81"/>
    <mergeCell ref="A80:B81"/>
    <mergeCell ref="A105:B105"/>
    <mergeCell ref="A97:B101"/>
    <mergeCell ref="B107:B109"/>
    <mergeCell ref="F105:H105"/>
    <mergeCell ref="C107:C109"/>
    <mergeCell ref="D95:E95"/>
    <mergeCell ref="C87:H88"/>
    <mergeCell ref="D107:E107"/>
    <mergeCell ref="C89:C91"/>
    <mergeCell ref="G84:H84"/>
    <mergeCell ref="F89:H90"/>
    <mergeCell ref="G85:H85"/>
    <mergeCell ref="D102:E102"/>
    <mergeCell ref="D103:E103"/>
    <mergeCell ref="F91:H91"/>
    <mergeCell ref="A6:H6"/>
    <mergeCell ref="A7:H7"/>
    <mergeCell ref="C10:D11"/>
    <mergeCell ref="D92:E92"/>
    <mergeCell ref="D93:E93"/>
    <mergeCell ref="D94:E94"/>
    <mergeCell ref="C35:D35"/>
    <mergeCell ref="G35:H35"/>
    <mergeCell ref="C33:D34"/>
    <mergeCell ref="B33:B35"/>
    <mergeCell ref="B46:B48"/>
    <mergeCell ref="B59:B61"/>
    <mergeCell ref="C13:D13"/>
    <mergeCell ref="C14:D14"/>
    <mergeCell ref="C15:D15"/>
    <mergeCell ref="C16:D16"/>
    <mergeCell ref="C17:D17"/>
    <mergeCell ref="C18:D18"/>
    <mergeCell ref="C19:D19"/>
    <mergeCell ref="C20:D20"/>
    <mergeCell ref="C21:D21"/>
    <mergeCell ref="E22:F22"/>
    <mergeCell ref="E23:F23"/>
    <mergeCell ref="E24:F24"/>
    <mergeCell ref="A3:H3"/>
    <mergeCell ref="A10:A12"/>
    <mergeCell ref="B10:B12"/>
    <mergeCell ref="C12:D12"/>
    <mergeCell ref="A4:H4"/>
    <mergeCell ref="A5:H5"/>
    <mergeCell ref="F92:H92"/>
    <mergeCell ref="F93:H93"/>
    <mergeCell ref="F94:H94"/>
    <mergeCell ref="C22:D22"/>
    <mergeCell ref="C23:D23"/>
    <mergeCell ref="C24:D24"/>
    <mergeCell ref="C25:D25"/>
    <mergeCell ref="D59:E59"/>
    <mergeCell ref="C44:D44"/>
    <mergeCell ref="E39:F39"/>
    <mergeCell ref="E40:F40"/>
    <mergeCell ref="E41:F41"/>
    <mergeCell ref="E42:F42"/>
    <mergeCell ref="E43:F43"/>
    <mergeCell ref="E44:F44"/>
    <mergeCell ref="G22:H22"/>
    <mergeCell ref="G23:H23"/>
    <mergeCell ref="G24:H24"/>
  </mergeCells>
  <printOptions horizontalCentered="1"/>
  <pageMargins left="0.19685039370078741" right="0.19685039370078741" top="0.98425196850393704" bottom="0.39370078740157483" header="0" footer="0"/>
  <pageSetup paperSize="9" scale="53" fitToHeight="2" orientation="portrait" r:id="rId9"/>
  <drawing r:id="rId1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58"/>
  <sheetViews>
    <sheetView showGridLines="0" zoomScaleNormal="100" workbookViewId="0"/>
  </sheetViews>
  <sheetFormatPr defaultRowHeight="11.25" customHeight="1" x14ac:dyDescent="0.2"/>
  <cols>
    <col min="1" max="1" width="48.85546875" style="264" customWidth="1"/>
    <col min="2" max="2" width="14.42578125" style="264" customWidth="1"/>
    <col min="3" max="3" width="19.140625" style="264" customWidth="1"/>
    <col min="4" max="12" width="6.7109375" style="264" customWidth="1"/>
    <col min="13" max="13" width="8" style="217" customWidth="1"/>
    <col min="14" max="245" width="9.140625" style="264"/>
    <col min="246" max="246" width="32" style="264" customWidth="1"/>
    <col min="247" max="247" width="9.140625" style="264"/>
    <col min="248" max="248" width="9.140625" style="264" customWidth="1"/>
    <col min="249" max="249" width="9.140625" style="264"/>
    <col min="250" max="250" width="9.140625" style="264" customWidth="1"/>
    <col min="251" max="251" width="7" style="264" customWidth="1"/>
    <col min="252" max="252" width="9.140625" style="264" customWidth="1"/>
    <col min="253" max="253" width="7.42578125" style="264" customWidth="1"/>
    <col min="254" max="254" width="9.140625" style="264" customWidth="1"/>
    <col min="255" max="255" width="7.42578125" style="264" customWidth="1"/>
    <col min="256" max="257" width="9.140625" style="264" customWidth="1"/>
    <col min="258" max="258" width="7.42578125" style="264" customWidth="1"/>
    <col min="259" max="259" width="9.140625" style="264" customWidth="1"/>
    <col min="260" max="260" width="7.85546875" style="264" customWidth="1"/>
    <col min="261" max="262" width="9.140625" style="264" customWidth="1"/>
    <col min="263" max="263" width="7.7109375" style="264" customWidth="1"/>
    <col min="264" max="264" width="9.140625" style="264" customWidth="1"/>
    <col min="265" max="265" width="7.5703125" style="264" customWidth="1"/>
    <col min="266" max="266" width="9.140625" style="264" customWidth="1"/>
    <col min="267" max="268" width="7.7109375" style="264" customWidth="1"/>
    <col min="269" max="269" width="8" style="264" customWidth="1"/>
    <col min="270" max="501" width="9.140625" style="264"/>
    <col min="502" max="502" width="32" style="264" customWidth="1"/>
    <col min="503" max="503" width="9.140625" style="264"/>
    <col min="504" max="504" width="9.140625" style="264" customWidth="1"/>
    <col min="505" max="505" width="9.140625" style="264"/>
    <col min="506" max="506" width="9.140625" style="264" customWidth="1"/>
    <col min="507" max="507" width="7" style="264" customWidth="1"/>
    <col min="508" max="508" width="9.140625" style="264" customWidth="1"/>
    <col min="509" max="509" width="7.42578125" style="264" customWidth="1"/>
    <col min="510" max="510" width="9.140625" style="264" customWidth="1"/>
    <col min="511" max="511" width="7.42578125" style="264" customWidth="1"/>
    <col min="512" max="513" width="9.140625" style="264" customWidth="1"/>
    <col min="514" max="514" width="7.42578125" style="264" customWidth="1"/>
    <col min="515" max="515" width="9.140625" style="264" customWidth="1"/>
    <col min="516" max="516" width="7.85546875" style="264" customWidth="1"/>
    <col min="517" max="518" width="9.140625" style="264" customWidth="1"/>
    <col min="519" max="519" width="7.7109375" style="264" customWidth="1"/>
    <col min="520" max="520" width="9.140625" style="264" customWidth="1"/>
    <col min="521" max="521" width="7.5703125" style="264" customWidth="1"/>
    <col min="522" max="522" width="9.140625" style="264" customWidth="1"/>
    <col min="523" max="524" width="7.7109375" style="264" customWidth="1"/>
    <col min="525" max="525" width="8" style="264" customWidth="1"/>
    <col min="526" max="757" width="9.140625" style="264"/>
    <col min="758" max="758" width="32" style="264" customWidth="1"/>
    <col min="759" max="759" width="9.140625" style="264"/>
    <col min="760" max="760" width="9.140625" style="264" customWidth="1"/>
    <col min="761" max="761" width="9.140625" style="264"/>
    <col min="762" max="762" width="9.140625" style="264" customWidth="1"/>
    <col min="763" max="763" width="7" style="264" customWidth="1"/>
    <col min="764" max="764" width="9.140625" style="264" customWidth="1"/>
    <col min="765" max="765" width="7.42578125" style="264" customWidth="1"/>
    <col min="766" max="766" width="9.140625" style="264" customWidth="1"/>
    <col min="767" max="767" width="7.42578125" style="264" customWidth="1"/>
    <col min="768" max="769" width="9.140625" style="264" customWidth="1"/>
    <col min="770" max="770" width="7.42578125" style="264" customWidth="1"/>
    <col min="771" max="771" width="9.140625" style="264" customWidth="1"/>
    <col min="772" max="772" width="7.85546875" style="264" customWidth="1"/>
    <col min="773" max="774" width="9.140625" style="264" customWidth="1"/>
    <col min="775" max="775" width="7.7109375" style="264" customWidth="1"/>
    <col min="776" max="776" width="9.140625" style="264" customWidth="1"/>
    <col min="777" max="777" width="7.5703125" style="264" customWidth="1"/>
    <col min="778" max="778" width="9.140625" style="264" customWidth="1"/>
    <col min="779" max="780" width="7.7109375" style="264" customWidth="1"/>
    <col min="781" max="781" width="8" style="264" customWidth="1"/>
    <col min="782" max="1013" width="9.140625" style="264"/>
    <col min="1014" max="1014" width="32" style="264" customWidth="1"/>
    <col min="1015" max="1015" width="9.140625" style="264"/>
    <col min="1016" max="1016" width="9.140625" style="264" customWidth="1"/>
    <col min="1017" max="1017" width="9.140625" style="264"/>
    <col min="1018" max="1018" width="9.140625" style="264" customWidth="1"/>
    <col min="1019" max="1019" width="7" style="264" customWidth="1"/>
    <col min="1020" max="1020" width="9.140625" style="264" customWidth="1"/>
    <col min="1021" max="1021" width="7.42578125" style="264" customWidth="1"/>
    <col min="1022" max="1022" width="9.140625" style="264" customWidth="1"/>
    <col min="1023" max="1023" width="7.42578125" style="264" customWidth="1"/>
    <col min="1024" max="1025" width="9.140625" style="264" customWidth="1"/>
    <col min="1026" max="1026" width="7.42578125" style="264" customWidth="1"/>
    <col min="1027" max="1027" width="9.140625" style="264" customWidth="1"/>
    <col min="1028" max="1028" width="7.85546875" style="264" customWidth="1"/>
    <col min="1029" max="1030" width="9.140625" style="264" customWidth="1"/>
    <col min="1031" max="1031" width="7.7109375" style="264" customWidth="1"/>
    <col min="1032" max="1032" width="9.140625" style="264" customWidth="1"/>
    <col min="1033" max="1033" width="7.5703125" style="264" customWidth="1"/>
    <col min="1034" max="1034" width="9.140625" style="264" customWidth="1"/>
    <col min="1035" max="1036" width="7.7109375" style="264" customWidth="1"/>
    <col min="1037" max="1037" width="8" style="264" customWidth="1"/>
    <col min="1038" max="1269" width="9.140625" style="264"/>
    <col min="1270" max="1270" width="32" style="264" customWidth="1"/>
    <col min="1271" max="1271" width="9.140625" style="264"/>
    <col min="1272" max="1272" width="9.140625" style="264" customWidth="1"/>
    <col min="1273" max="1273" width="9.140625" style="264"/>
    <col min="1274" max="1274" width="9.140625" style="264" customWidth="1"/>
    <col min="1275" max="1275" width="7" style="264" customWidth="1"/>
    <col min="1276" max="1276" width="9.140625" style="264" customWidth="1"/>
    <col min="1277" max="1277" width="7.42578125" style="264" customWidth="1"/>
    <col min="1278" max="1278" width="9.140625" style="264" customWidth="1"/>
    <col min="1279" max="1279" width="7.42578125" style="264" customWidth="1"/>
    <col min="1280" max="1281" width="9.140625" style="264" customWidth="1"/>
    <col min="1282" max="1282" width="7.42578125" style="264" customWidth="1"/>
    <col min="1283" max="1283" width="9.140625" style="264" customWidth="1"/>
    <col min="1284" max="1284" width="7.85546875" style="264" customWidth="1"/>
    <col min="1285" max="1286" width="9.140625" style="264" customWidth="1"/>
    <col min="1287" max="1287" width="7.7109375" style="264" customWidth="1"/>
    <col min="1288" max="1288" width="9.140625" style="264" customWidth="1"/>
    <col min="1289" max="1289" width="7.5703125" style="264" customWidth="1"/>
    <col min="1290" max="1290" width="9.140625" style="264" customWidth="1"/>
    <col min="1291" max="1292" width="7.7109375" style="264" customWidth="1"/>
    <col min="1293" max="1293" width="8" style="264" customWidth="1"/>
    <col min="1294" max="1525" width="9.140625" style="264"/>
    <col min="1526" max="1526" width="32" style="264" customWidth="1"/>
    <col min="1527" max="1527" width="9.140625" style="264"/>
    <col min="1528" max="1528" width="9.140625" style="264" customWidth="1"/>
    <col min="1529" max="1529" width="9.140625" style="264"/>
    <col min="1530" max="1530" width="9.140625" style="264" customWidth="1"/>
    <col min="1531" max="1531" width="7" style="264" customWidth="1"/>
    <col min="1532" max="1532" width="9.140625" style="264" customWidth="1"/>
    <col min="1533" max="1533" width="7.42578125" style="264" customWidth="1"/>
    <col min="1534" max="1534" width="9.140625" style="264" customWidth="1"/>
    <col min="1535" max="1535" width="7.42578125" style="264" customWidth="1"/>
    <col min="1536" max="1537" width="9.140625" style="264" customWidth="1"/>
    <col min="1538" max="1538" width="7.42578125" style="264" customWidth="1"/>
    <col min="1539" max="1539" width="9.140625" style="264" customWidth="1"/>
    <col min="1540" max="1540" width="7.85546875" style="264" customWidth="1"/>
    <col min="1541" max="1542" width="9.140625" style="264" customWidth="1"/>
    <col min="1543" max="1543" width="7.7109375" style="264" customWidth="1"/>
    <col min="1544" max="1544" width="9.140625" style="264" customWidth="1"/>
    <col min="1545" max="1545" width="7.5703125" style="264" customWidth="1"/>
    <col min="1546" max="1546" width="9.140625" style="264" customWidth="1"/>
    <col min="1547" max="1548" width="7.7109375" style="264" customWidth="1"/>
    <col min="1549" max="1549" width="8" style="264" customWidth="1"/>
    <col min="1550" max="1781" width="9.140625" style="264"/>
    <col min="1782" max="1782" width="32" style="264" customWidth="1"/>
    <col min="1783" max="1783" width="9.140625" style="264"/>
    <col min="1784" max="1784" width="9.140625" style="264" customWidth="1"/>
    <col min="1785" max="1785" width="9.140625" style="264"/>
    <col min="1786" max="1786" width="9.140625" style="264" customWidth="1"/>
    <col min="1787" max="1787" width="7" style="264" customWidth="1"/>
    <col min="1788" max="1788" width="9.140625" style="264" customWidth="1"/>
    <col min="1789" max="1789" width="7.42578125" style="264" customWidth="1"/>
    <col min="1790" max="1790" width="9.140625" style="264" customWidth="1"/>
    <col min="1791" max="1791" width="7.42578125" style="264" customWidth="1"/>
    <col min="1792" max="1793" width="9.140625" style="264" customWidth="1"/>
    <col min="1794" max="1794" width="7.42578125" style="264" customWidth="1"/>
    <col min="1795" max="1795" width="9.140625" style="264" customWidth="1"/>
    <col min="1796" max="1796" width="7.85546875" style="264" customWidth="1"/>
    <col min="1797" max="1798" width="9.140625" style="264" customWidth="1"/>
    <col min="1799" max="1799" width="7.7109375" style="264" customWidth="1"/>
    <col min="1800" max="1800" width="9.140625" style="264" customWidth="1"/>
    <col min="1801" max="1801" width="7.5703125" style="264" customWidth="1"/>
    <col min="1802" max="1802" width="9.140625" style="264" customWidth="1"/>
    <col min="1803" max="1804" width="7.7109375" style="264" customWidth="1"/>
    <col min="1805" max="1805" width="8" style="264" customWidth="1"/>
    <col min="1806" max="2037" width="9.140625" style="264"/>
    <col min="2038" max="2038" width="32" style="264" customWidth="1"/>
    <col min="2039" max="2039" width="9.140625" style="264"/>
    <col min="2040" max="2040" width="9.140625" style="264" customWidth="1"/>
    <col min="2041" max="2041" width="9.140625" style="264"/>
    <col min="2042" max="2042" width="9.140625" style="264" customWidth="1"/>
    <col min="2043" max="2043" width="7" style="264" customWidth="1"/>
    <col min="2044" max="2044" width="9.140625" style="264" customWidth="1"/>
    <col min="2045" max="2045" width="7.42578125" style="264" customWidth="1"/>
    <col min="2046" max="2046" width="9.140625" style="264" customWidth="1"/>
    <col min="2047" max="2047" width="7.42578125" style="264" customWidth="1"/>
    <col min="2048" max="2049" width="9.140625" style="264" customWidth="1"/>
    <col min="2050" max="2050" width="7.42578125" style="264" customWidth="1"/>
    <col min="2051" max="2051" width="9.140625" style="264" customWidth="1"/>
    <col min="2052" max="2052" width="7.85546875" style="264" customWidth="1"/>
    <col min="2053" max="2054" width="9.140625" style="264" customWidth="1"/>
    <col min="2055" max="2055" width="7.7109375" style="264" customWidth="1"/>
    <col min="2056" max="2056" width="9.140625" style="264" customWidth="1"/>
    <col min="2057" max="2057" width="7.5703125" style="264" customWidth="1"/>
    <col min="2058" max="2058" width="9.140625" style="264" customWidth="1"/>
    <col min="2059" max="2060" width="7.7109375" style="264" customWidth="1"/>
    <col min="2061" max="2061" width="8" style="264" customWidth="1"/>
    <col min="2062" max="2293" width="9.140625" style="264"/>
    <col min="2294" max="2294" width="32" style="264" customWidth="1"/>
    <col min="2295" max="2295" width="9.140625" style="264"/>
    <col min="2296" max="2296" width="9.140625" style="264" customWidth="1"/>
    <col min="2297" max="2297" width="9.140625" style="264"/>
    <col min="2298" max="2298" width="9.140625" style="264" customWidth="1"/>
    <col min="2299" max="2299" width="7" style="264" customWidth="1"/>
    <col min="2300" max="2300" width="9.140625" style="264" customWidth="1"/>
    <col min="2301" max="2301" width="7.42578125" style="264" customWidth="1"/>
    <col min="2302" max="2302" width="9.140625" style="264" customWidth="1"/>
    <col min="2303" max="2303" width="7.42578125" style="264" customWidth="1"/>
    <col min="2304" max="2305" width="9.140625" style="264" customWidth="1"/>
    <col min="2306" max="2306" width="7.42578125" style="264" customWidth="1"/>
    <col min="2307" max="2307" width="9.140625" style="264" customWidth="1"/>
    <col min="2308" max="2308" width="7.85546875" style="264" customWidth="1"/>
    <col min="2309" max="2310" width="9.140625" style="264" customWidth="1"/>
    <col min="2311" max="2311" width="7.7109375" style="264" customWidth="1"/>
    <col min="2312" max="2312" width="9.140625" style="264" customWidth="1"/>
    <col min="2313" max="2313" width="7.5703125" style="264" customWidth="1"/>
    <col min="2314" max="2314" width="9.140625" style="264" customWidth="1"/>
    <col min="2315" max="2316" width="7.7109375" style="264" customWidth="1"/>
    <col min="2317" max="2317" width="8" style="264" customWidth="1"/>
    <col min="2318" max="2549" width="9.140625" style="264"/>
    <col min="2550" max="2550" width="32" style="264" customWidth="1"/>
    <col min="2551" max="2551" width="9.140625" style="264"/>
    <col min="2552" max="2552" width="9.140625" style="264" customWidth="1"/>
    <col min="2553" max="2553" width="9.140625" style="264"/>
    <col min="2554" max="2554" width="9.140625" style="264" customWidth="1"/>
    <col min="2555" max="2555" width="7" style="264" customWidth="1"/>
    <col min="2556" max="2556" width="9.140625" style="264" customWidth="1"/>
    <col min="2557" max="2557" width="7.42578125" style="264" customWidth="1"/>
    <col min="2558" max="2558" width="9.140625" style="264" customWidth="1"/>
    <col min="2559" max="2559" width="7.42578125" style="264" customWidth="1"/>
    <col min="2560" max="2561" width="9.140625" style="264" customWidth="1"/>
    <col min="2562" max="2562" width="7.42578125" style="264" customWidth="1"/>
    <col min="2563" max="2563" width="9.140625" style="264" customWidth="1"/>
    <col min="2564" max="2564" width="7.85546875" style="264" customWidth="1"/>
    <col min="2565" max="2566" width="9.140625" style="264" customWidth="1"/>
    <col min="2567" max="2567" width="7.7109375" style="264" customWidth="1"/>
    <col min="2568" max="2568" width="9.140625" style="264" customWidth="1"/>
    <col min="2569" max="2569" width="7.5703125" style="264" customWidth="1"/>
    <col min="2570" max="2570" width="9.140625" style="264" customWidth="1"/>
    <col min="2571" max="2572" width="7.7109375" style="264" customWidth="1"/>
    <col min="2573" max="2573" width="8" style="264" customWidth="1"/>
    <col min="2574" max="2805" width="9.140625" style="264"/>
    <col min="2806" max="2806" width="32" style="264" customWidth="1"/>
    <col min="2807" max="2807" width="9.140625" style="264"/>
    <col min="2808" max="2808" width="9.140625" style="264" customWidth="1"/>
    <col min="2809" max="2809" width="9.140625" style="264"/>
    <col min="2810" max="2810" width="9.140625" style="264" customWidth="1"/>
    <col min="2811" max="2811" width="7" style="264" customWidth="1"/>
    <col min="2812" max="2812" width="9.140625" style="264" customWidth="1"/>
    <col min="2813" max="2813" width="7.42578125" style="264" customWidth="1"/>
    <col min="2814" max="2814" width="9.140625" style="264" customWidth="1"/>
    <col min="2815" max="2815" width="7.42578125" style="264" customWidth="1"/>
    <col min="2816" max="2817" width="9.140625" style="264" customWidth="1"/>
    <col min="2818" max="2818" width="7.42578125" style="264" customWidth="1"/>
    <col min="2819" max="2819" width="9.140625" style="264" customWidth="1"/>
    <col min="2820" max="2820" width="7.85546875" style="264" customWidth="1"/>
    <col min="2821" max="2822" width="9.140625" style="264" customWidth="1"/>
    <col min="2823" max="2823" width="7.7109375" style="264" customWidth="1"/>
    <col min="2824" max="2824" width="9.140625" style="264" customWidth="1"/>
    <col min="2825" max="2825" width="7.5703125" style="264" customWidth="1"/>
    <col min="2826" max="2826" width="9.140625" style="264" customWidth="1"/>
    <col min="2827" max="2828" width="7.7109375" style="264" customWidth="1"/>
    <col min="2829" max="2829" width="8" style="264" customWidth="1"/>
    <col min="2830" max="3061" width="9.140625" style="264"/>
    <col min="3062" max="3062" width="32" style="264" customWidth="1"/>
    <col min="3063" max="3063" width="9.140625" style="264"/>
    <col min="3064" max="3064" width="9.140625" style="264" customWidth="1"/>
    <col min="3065" max="3065" width="9.140625" style="264"/>
    <col min="3066" max="3066" width="9.140625" style="264" customWidth="1"/>
    <col min="3067" max="3067" width="7" style="264" customWidth="1"/>
    <col min="3068" max="3068" width="9.140625" style="264" customWidth="1"/>
    <col min="3069" max="3069" width="7.42578125" style="264" customWidth="1"/>
    <col min="3070" max="3070" width="9.140625" style="264" customWidth="1"/>
    <col min="3071" max="3071" width="7.42578125" style="264" customWidth="1"/>
    <col min="3072" max="3073" width="9.140625" style="264" customWidth="1"/>
    <col min="3074" max="3074" width="7.42578125" style="264" customWidth="1"/>
    <col min="3075" max="3075" width="9.140625" style="264" customWidth="1"/>
    <col min="3076" max="3076" width="7.85546875" style="264" customWidth="1"/>
    <col min="3077" max="3078" width="9.140625" style="264" customWidth="1"/>
    <col min="3079" max="3079" width="7.7109375" style="264" customWidth="1"/>
    <col min="3080" max="3080" width="9.140625" style="264" customWidth="1"/>
    <col min="3081" max="3081" width="7.5703125" style="264" customWidth="1"/>
    <col min="3082" max="3082" width="9.140625" style="264" customWidth="1"/>
    <col min="3083" max="3084" width="7.7109375" style="264" customWidth="1"/>
    <col min="3085" max="3085" width="8" style="264" customWidth="1"/>
    <col min="3086" max="3317" width="9.140625" style="264"/>
    <col min="3318" max="3318" width="32" style="264" customWidth="1"/>
    <col min="3319" max="3319" width="9.140625" style="264"/>
    <col min="3320" max="3320" width="9.140625" style="264" customWidth="1"/>
    <col min="3321" max="3321" width="9.140625" style="264"/>
    <col min="3322" max="3322" width="9.140625" style="264" customWidth="1"/>
    <col min="3323" max="3323" width="7" style="264" customWidth="1"/>
    <col min="3324" max="3324" width="9.140625" style="264" customWidth="1"/>
    <col min="3325" max="3325" width="7.42578125" style="264" customWidth="1"/>
    <col min="3326" max="3326" width="9.140625" style="264" customWidth="1"/>
    <col min="3327" max="3327" width="7.42578125" style="264" customWidth="1"/>
    <col min="3328" max="3329" width="9.140625" style="264" customWidth="1"/>
    <col min="3330" max="3330" width="7.42578125" style="264" customWidth="1"/>
    <col min="3331" max="3331" width="9.140625" style="264" customWidth="1"/>
    <col min="3332" max="3332" width="7.85546875" style="264" customWidth="1"/>
    <col min="3333" max="3334" width="9.140625" style="264" customWidth="1"/>
    <col min="3335" max="3335" width="7.7109375" style="264" customWidth="1"/>
    <col min="3336" max="3336" width="9.140625" style="264" customWidth="1"/>
    <col min="3337" max="3337" width="7.5703125" style="264" customWidth="1"/>
    <col min="3338" max="3338" width="9.140625" style="264" customWidth="1"/>
    <col min="3339" max="3340" width="7.7109375" style="264" customWidth="1"/>
    <col min="3341" max="3341" width="8" style="264" customWidth="1"/>
    <col min="3342" max="3573" width="9.140625" style="264"/>
    <col min="3574" max="3574" width="32" style="264" customWidth="1"/>
    <col min="3575" max="3575" width="9.140625" style="264"/>
    <col min="3576" max="3576" width="9.140625" style="264" customWidth="1"/>
    <col min="3577" max="3577" width="9.140625" style="264"/>
    <col min="3578" max="3578" width="9.140625" style="264" customWidth="1"/>
    <col min="3579" max="3579" width="7" style="264" customWidth="1"/>
    <col min="3580" max="3580" width="9.140625" style="264" customWidth="1"/>
    <col min="3581" max="3581" width="7.42578125" style="264" customWidth="1"/>
    <col min="3582" max="3582" width="9.140625" style="264" customWidth="1"/>
    <col min="3583" max="3583" width="7.42578125" style="264" customWidth="1"/>
    <col min="3584" max="3585" width="9.140625" style="264" customWidth="1"/>
    <col min="3586" max="3586" width="7.42578125" style="264" customWidth="1"/>
    <col min="3587" max="3587" width="9.140625" style="264" customWidth="1"/>
    <col min="3588" max="3588" width="7.85546875" style="264" customWidth="1"/>
    <col min="3589" max="3590" width="9.140625" style="264" customWidth="1"/>
    <col min="3591" max="3591" width="7.7109375" style="264" customWidth="1"/>
    <col min="3592" max="3592" width="9.140625" style="264" customWidth="1"/>
    <col min="3593" max="3593" width="7.5703125" style="264" customWidth="1"/>
    <col min="3594" max="3594" width="9.140625" style="264" customWidth="1"/>
    <col min="3595" max="3596" width="7.7109375" style="264" customWidth="1"/>
    <col min="3597" max="3597" width="8" style="264" customWidth="1"/>
    <col min="3598" max="3829" width="9.140625" style="264"/>
    <col min="3830" max="3830" width="32" style="264" customWidth="1"/>
    <col min="3831" max="3831" width="9.140625" style="264"/>
    <col min="3832" max="3832" width="9.140625" style="264" customWidth="1"/>
    <col min="3833" max="3833" width="9.140625" style="264"/>
    <col min="3834" max="3834" width="9.140625" style="264" customWidth="1"/>
    <col min="3835" max="3835" width="7" style="264" customWidth="1"/>
    <col min="3836" max="3836" width="9.140625" style="264" customWidth="1"/>
    <col min="3837" max="3837" width="7.42578125" style="264" customWidth="1"/>
    <col min="3838" max="3838" width="9.140625" style="264" customWidth="1"/>
    <col min="3839" max="3839" width="7.42578125" style="264" customWidth="1"/>
    <col min="3840" max="3841" width="9.140625" style="264" customWidth="1"/>
    <col min="3842" max="3842" width="7.42578125" style="264" customWidth="1"/>
    <col min="3843" max="3843" width="9.140625" style="264" customWidth="1"/>
    <col min="3844" max="3844" width="7.85546875" style="264" customWidth="1"/>
    <col min="3845" max="3846" width="9.140625" style="264" customWidth="1"/>
    <col min="3847" max="3847" width="7.7109375" style="264" customWidth="1"/>
    <col min="3848" max="3848" width="9.140625" style="264" customWidth="1"/>
    <col min="3849" max="3849" width="7.5703125" style="264" customWidth="1"/>
    <col min="3850" max="3850" width="9.140625" style="264" customWidth="1"/>
    <col min="3851" max="3852" width="7.7109375" style="264" customWidth="1"/>
    <col min="3853" max="3853" width="8" style="264" customWidth="1"/>
    <col min="3854" max="4085" width="9.140625" style="264"/>
    <col min="4086" max="4086" width="32" style="264" customWidth="1"/>
    <col min="4087" max="4087" width="9.140625" style="264"/>
    <col min="4088" max="4088" width="9.140625" style="264" customWidth="1"/>
    <col min="4089" max="4089" width="9.140625" style="264"/>
    <col min="4090" max="4090" width="9.140625" style="264" customWidth="1"/>
    <col min="4091" max="4091" width="7" style="264" customWidth="1"/>
    <col min="4092" max="4092" width="9.140625" style="264" customWidth="1"/>
    <col min="4093" max="4093" width="7.42578125" style="264" customWidth="1"/>
    <col min="4094" max="4094" width="9.140625" style="264" customWidth="1"/>
    <col min="4095" max="4095" width="7.42578125" style="264" customWidth="1"/>
    <col min="4096" max="4097" width="9.140625" style="264" customWidth="1"/>
    <col min="4098" max="4098" width="7.42578125" style="264" customWidth="1"/>
    <col min="4099" max="4099" width="9.140625" style="264" customWidth="1"/>
    <col min="4100" max="4100" width="7.85546875" style="264" customWidth="1"/>
    <col min="4101" max="4102" width="9.140625" style="264" customWidth="1"/>
    <col min="4103" max="4103" width="7.7109375" style="264" customWidth="1"/>
    <col min="4104" max="4104" width="9.140625" style="264" customWidth="1"/>
    <col min="4105" max="4105" width="7.5703125" style="264" customWidth="1"/>
    <col min="4106" max="4106" width="9.140625" style="264" customWidth="1"/>
    <col min="4107" max="4108" width="7.7109375" style="264" customWidth="1"/>
    <col min="4109" max="4109" width="8" style="264" customWidth="1"/>
    <col min="4110" max="4341" width="9.140625" style="264"/>
    <col min="4342" max="4342" width="32" style="264" customWidth="1"/>
    <col min="4343" max="4343" width="9.140625" style="264"/>
    <col min="4344" max="4344" width="9.140625" style="264" customWidth="1"/>
    <col min="4345" max="4345" width="9.140625" style="264"/>
    <col min="4346" max="4346" width="9.140625" style="264" customWidth="1"/>
    <col min="4347" max="4347" width="7" style="264" customWidth="1"/>
    <col min="4348" max="4348" width="9.140625" style="264" customWidth="1"/>
    <col min="4349" max="4349" width="7.42578125" style="264" customWidth="1"/>
    <col min="4350" max="4350" width="9.140625" style="264" customWidth="1"/>
    <col min="4351" max="4351" width="7.42578125" style="264" customWidth="1"/>
    <col min="4352" max="4353" width="9.140625" style="264" customWidth="1"/>
    <col min="4354" max="4354" width="7.42578125" style="264" customWidth="1"/>
    <col min="4355" max="4355" width="9.140625" style="264" customWidth="1"/>
    <col min="4356" max="4356" width="7.85546875" style="264" customWidth="1"/>
    <col min="4357" max="4358" width="9.140625" style="264" customWidth="1"/>
    <col min="4359" max="4359" width="7.7109375" style="264" customWidth="1"/>
    <col min="4360" max="4360" width="9.140625" style="264" customWidth="1"/>
    <col min="4361" max="4361" width="7.5703125" style="264" customWidth="1"/>
    <col min="4362" max="4362" width="9.140625" style="264" customWidth="1"/>
    <col min="4363" max="4364" width="7.7109375" style="264" customWidth="1"/>
    <col min="4365" max="4365" width="8" style="264" customWidth="1"/>
    <col min="4366" max="4597" width="9.140625" style="264"/>
    <col min="4598" max="4598" width="32" style="264" customWidth="1"/>
    <col min="4599" max="4599" width="9.140625" style="264"/>
    <col min="4600" max="4600" width="9.140625" style="264" customWidth="1"/>
    <col min="4601" max="4601" width="9.140625" style="264"/>
    <col min="4602" max="4602" width="9.140625" style="264" customWidth="1"/>
    <col min="4603" max="4603" width="7" style="264" customWidth="1"/>
    <col min="4604" max="4604" width="9.140625" style="264" customWidth="1"/>
    <col min="4605" max="4605" width="7.42578125" style="264" customWidth="1"/>
    <col min="4606" max="4606" width="9.140625" style="264" customWidth="1"/>
    <col min="4607" max="4607" width="7.42578125" style="264" customWidth="1"/>
    <col min="4608" max="4609" width="9.140625" style="264" customWidth="1"/>
    <col min="4610" max="4610" width="7.42578125" style="264" customWidth="1"/>
    <col min="4611" max="4611" width="9.140625" style="264" customWidth="1"/>
    <col min="4612" max="4612" width="7.85546875" style="264" customWidth="1"/>
    <col min="4613" max="4614" width="9.140625" style="264" customWidth="1"/>
    <col min="4615" max="4615" width="7.7109375" style="264" customWidth="1"/>
    <col min="4616" max="4616" width="9.140625" style="264" customWidth="1"/>
    <col min="4617" max="4617" width="7.5703125" style="264" customWidth="1"/>
    <col min="4618" max="4618" width="9.140625" style="264" customWidth="1"/>
    <col min="4619" max="4620" width="7.7109375" style="264" customWidth="1"/>
    <col min="4621" max="4621" width="8" style="264" customWidth="1"/>
    <col min="4622" max="4853" width="9.140625" style="264"/>
    <col min="4854" max="4854" width="32" style="264" customWidth="1"/>
    <col min="4855" max="4855" width="9.140625" style="264"/>
    <col min="4856" max="4856" width="9.140625" style="264" customWidth="1"/>
    <col min="4857" max="4857" width="9.140625" style="264"/>
    <col min="4858" max="4858" width="9.140625" style="264" customWidth="1"/>
    <col min="4859" max="4859" width="7" style="264" customWidth="1"/>
    <col min="4860" max="4860" width="9.140625" style="264" customWidth="1"/>
    <col min="4861" max="4861" width="7.42578125" style="264" customWidth="1"/>
    <col min="4862" max="4862" width="9.140625" style="264" customWidth="1"/>
    <col min="4863" max="4863" width="7.42578125" style="264" customWidth="1"/>
    <col min="4864" max="4865" width="9.140625" style="264" customWidth="1"/>
    <col min="4866" max="4866" width="7.42578125" style="264" customWidth="1"/>
    <col min="4867" max="4867" width="9.140625" style="264" customWidth="1"/>
    <col min="4868" max="4868" width="7.85546875" style="264" customWidth="1"/>
    <col min="4869" max="4870" width="9.140625" style="264" customWidth="1"/>
    <col min="4871" max="4871" width="7.7109375" style="264" customWidth="1"/>
    <col min="4872" max="4872" width="9.140625" style="264" customWidth="1"/>
    <col min="4873" max="4873" width="7.5703125" style="264" customWidth="1"/>
    <col min="4874" max="4874" width="9.140625" style="264" customWidth="1"/>
    <col min="4875" max="4876" width="7.7109375" style="264" customWidth="1"/>
    <col min="4877" max="4877" width="8" style="264" customWidth="1"/>
    <col min="4878" max="5109" width="9.140625" style="264"/>
    <col min="5110" max="5110" width="32" style="264" customWidth="1"/>
    <col min="5111" max="5111" width="9.140625" style="264"/>
    <col min="5112" max="5112" width="9.140625" style="264" customWidth="1"/>
    <col min="5113" max="5113" width="9.140625" style="264"/>
    <col min="5114" max="5114" width="9.140625" style="264" customWidth="1"/>
    <col min="5115" max="5115" width="7" style="264" customWidth="1"/>
    <col min="5116" max="5116" width="9.140625" style="264" customWidth="1"/>
    <col min="5117" max="5117" width="7.42578125" style="264" customWidth="1"/>
    <col min="5118" max="5118" width="9.140625" style="264" customWidth="1"/>
    <col min="5119" max="5119" width="7.42578125" style="264" customWidth="1"/>
    <col min="5120" max="5121" width="9.140625" style="264" customWidth="1"/>
    <col min="5122" max="5122" width="7.42578125" style="264" customWidth="1"/>
    <col min="5123" max="5123" width="9.140625" style="264" customWidth="1"/>
    <col min="5124" max="5124" width="7.85546875" style="264" customWidth="1"/>
    <col min="5125" max="5126" width="9.140625" style="264" customWidth="1"/>
    <col min="5127" max="5127" width="7.7109375" style="264" customWidth="1"/>
    <col min="5128" max="5128" width="9.140625" style="264" customWidth="1"/>
    <col min="5129" max="5129" width="7.5703125" style="264" customWidth="1"/>
    <col min="5130" max="5130" width="9.140625" style="264" customWidth="1"/>
    <col min="5131" max="5132" width="7.7109375" style="264" customWidth="1"/>
    <col min="5133" max="5133" width="8" style="264" customWidth="1"/>
    <col min="5134" max="5365" width="9.140625" style="264"/>
    <col min="5366" max="5366" width="32" style="264" customWidth="1"/>
    <col min="5367" max="5367" width="9.140625" style="264"/>
    <col min="5368" max="5368" width="9.140625" style="264" customWidth="1"/>
    <col min="5369" max="5369" width="9.140625" style="264"/>
    <col min="5370" max="5370" width="9.140625" style="264" customWidth="1"/>
    <col min="5371" max="5371" width="7" style="264" customWidth="1"/>
    <col min="5372" max="5372" width="9.140625" style="264" customWidth="1"/>
    <col min="5373" max="5373" width="7.42578125" style="264" customWidth="1"/>
    <col min="5374" max="5374" width="9.140625" style="264" customWidth="1"/>
    <col min="5375" max="5375" width="7.42578125" style="264" customWidth="1"/>
    <col min="5376" max="5377" width="9.140625" style="264" customWidth="1"/>
    <col min="5378" max="5378" width="7.42578125" style="264" customWidth="1"/>
    <col min="5379" max="5379" width="9.140625" style="264" customWidth="1"/>
    <col min="5380" max="5380" width="7.85546875" style="264" customWidth="1"/>
    <col min="5381" max="5382" width="9.140625" style="264" customWidth="1"/>
    <col min="5383" max="5383" width="7.7109375" style="264" customWidth="1"/>
    <col min="5384" max="5384" width="9.140625" style="264" customWidth="1"/>
    <col min="5385" max="5385" width="7.5703125" style="264" customWidth="1"/>
    <col min="5386" max="5386" width="9.140625" style="264" customWidth="1"/>
    <col min="5387" max="5388" width="7.7109375" style="264" customWidth="1"/>
    <col min="5389" max="5389" width="8" style="264" customWidth="1"/>
    <col min="5390" max="5621" width="9.140625" style="264"/>
    <col min="5622" max="5622" width="32" style="264" customWidth="1"/>
    <col min="5623" max="5623" width="9.140625" style="264"/>
    <col min="5624" max="5624" width="9.140625" style="264" customWidth="1"/>
    <col min="5625" max="5625" width="9.140625" style="264"/>
    <col min="5626" max="5626" width="9.140625" style="264" customWidth="1"/>
    <col min="5627" max="5627" width="7" style="264" customWidth="1"/>
    <col min="5628" max="5628" width="9.140625" style="264" customWidth="1"/>
    <col min="5629" max="5629" width="7.42578125" style="264" customWidth="1"/>
    <col min="5630" max="5630" width="9.140625" style="264" customWidth="1"/>
    <col min="5631" max="5631" width="7.42578125" style="264" customWidth="1"/>
    <col min="5632" max="5633" width="9.140625" style="264" customWidth="1"/>
    <col min="5634" max="5634" width="7.42578125" style="264" customWidth="1"/>
    <col min="5635" max="5635" width="9.140625" style="264" customWidth="1"/>
    <col min="5636" max="5636" width="7.85546875" style="264" customWidth="1"/>
    <col min="5637" max="5638" width="9.140625" style="264" customWidth="1"/>
    <col min="5639" max="5639" width="7.7109375" style="264" customWidth="1"/>
    <col min="5640" max="5640" width="9.140625" style="264" customWidth="1"/>
    <col min="5641" max="5641" width="7.5703125" style="264" customWidth="1"/>
    <col min="5642" max="5642" width="9.140625" style="264" customWidth="1"/>
    <col min="5643" max="5644" width="7.7109375" style="264" customWidth="1"/>
    <col min="5645" max="5645" width="8" style="264" customWidth="1"/>
    <col min="5646" max="5877" width="9.140625" style="264"/>
    <col min="5878" max="5878" width="32" style="264" customWidth="1"/>
    <col min="5879" max="5879" width="9.140625" style="264"/>
    <col min="5880" max="5880" width="9.140625" style="264" customWidth="1"/>
    <col min="5881" max="5881" width="9.140625" style="264"/>
    <col min="5882" max="5882" width="9.140625" style="264" customWidth="1"/>
    <col min="5883" max="5883" width="7" style="264" customWidth="1"/>
    <col min="5884" max="5884" width="9.140625" style="264" customWidth="1"/>
    <col min="5885" max="5885" width="7.42578125" style="264" customWidth="1"/>
    <col min="5886" max="5886" width="9.140625" style="264" customWidth="1"/>
    <col min="5887" max="5887" width="7.42578125" style="264" customWidth="1"/>
    <col min="5888" max="5889" width="9.140625" style="264" customWidth="1"/>
    <col min="5890" max="5890" width="7.42578125" style="264" customWidth="1"/>
    <col min="5891" max="5891" width="9.140625" style="264" customWidth="1"/>
    <col min="5892" max="5892" width="7.85546875" style="264" customWidth="1"/>
    <col min="5893" max="5894" width="9.140625" style="264" customWidth="1"/>
    <col min="5895" max="5895" width="7.7109375" style="264" customWidth="1"/>
    <col min="5896" max="5896" width="9.140625" style="264" customWidth="1"/>
    <col min="5897" max="5897" width="7.5703125" style="264" customWidth="1"/>
    <col min="5898" max="5898" width="9.140625" style="264" customWidth="1"/>
    <col min="5899" max="5900" width="7.7109375" style="264" customWidth="1"/>
    <col min="5901" max="5901" width="8" style="264" customWidth="1"/>
    <col min="5902" max="6133" width="9.140625" style="264"/>
    <col min="6134" max="6134" width="32" style="264" customWidth="1"/>
    <col min="6135" max="6135" width="9.140625" style="264"/>
    <col min="6136" max="6136" width="9.140625" style="264" customWidth="1"/>
    <col min="6137" max="6137" width="9.140625" style="264"/>
    <col min="6138" max="6138" width="9.140625" style="264" customWidth="1"/>
    <col min="6139" max="6139" width="7" style="264" customWidth="1"/>
    <col min="6140" max="6140" width="9.140625" style="264" customWidth="1"/>
    <col min="6141" max="6141" width="7.42578125" style="264" customWidth="1"/>
    <col min="6142" max="6142" width="9.140625" style="264" customWidth="1"/>
    <col min="6143" max="6143" width="7.42578125" style="264" customWidth="1"/>
    <col min="6144" max="6145" width="9.140625" style="264" customWidth="1"/>
    <col min="6146" max="6146" width="7.42578125" style="264" customWidth="1"/>
    <col min="6147" max="6147" width="9.140625" style="264" customWidth="1"/>
    <col min="6148" max="6148" width="7.85546875" style="264" customWidth="1"/>
    <col min="6149" max="6150" width="9.140625" style="264" customWidth="1"/>
    <col min="6151" max="6151" width="7.7109375" style="264" customWidth="1"/>
    <col min="6152" max="6152" width="9.140625" style="264" customWidth="1"/>
    <col min="6153" max="6153" width="7.5703125" style="264" customWidth="1"/>
    <col min="6154" max="6154" width="9.140625" style="264" customWidth="1"/>
    <col min="6155" max="6156" width="7.7109375" style="264" customWidth="1"/>
    <col min="6157" max="6157" width="8" style="264" customWidth="1"/>
    <col min="6158" max="6389" width="9.140625" style="264"/>
    <col min="6390" max="6390" width="32" style="264" customWidth="1"/>
    <col min="6391" max="6391" width="9.140625" style="264"/>
    <col min="6392" max="6392" width="9.140625" style="264" customWidth="1"/>
    <col min="6393" max="6393" width="9.140625" style="264"/>
    <col min="6394" max="6394" width="9.140625" style="264" customWidth="1"/>
    <col min="6395" max="6395" width="7" style="264" customWidth="1"/>
    <col min="6396" max="6396" width="9.140625" style="264" customWidth="1"/>
    <col min="6397" max="6397" width="7.42578125" style="264" customWidth="1"/>
    <col min="6398" max="6398" width="9.140625" style="264" customWidth="1"/>
    <col min="6399" max="6399" width="7.42578125" style="264" customWidth="1"/>
    <col min="6400" max="6401" width="9.140625" style="264" customWidth="1"/>
    <col min="6402" max="6402" width="7.42578125" style="264" customWidth="1"/>
    <col min="6403" max="6403" width="9.140625" style="264" customWidth="1"/>
    <col min="6404" max="6404" width="7.85546875" style="264" customWidth="1"/>
    <col min="6405" max="6406" width="9.140625" style="264" customWidth="1"/>
    <col min="6407" max="6407" width="7.7109375" style="264" customWidth="1"/>
    <col min="6408" max="6408" width="9.140625" style="264" customWidth="1"/>
    <col min="6409" max="6409" width="7.5703125" style="264" customWidth="1"/>
    <col min="6410" max="6410" width="9.140625" style="264" customWidth="1"/>
    <col min="6411" max="6412" width="7.7109375" style="264" customWidth="1"/>
    <col min="6413" max="6413" width="8" style="264" customWidth="1"/>
    <col min="6414" max="6645" width="9.140625" style="264"/>
    <col min="6646" max="6646" width="32" style="264" customWidth="1"/>
    <col min="6647" max="6647" width="9.140625" style="264"/>
    <col min="6648" max="6648" width="9.140625" style="264" customWidth="1"/>
    <col min="6649" max="6649" width="9.140625" style="264"/>
    <col min="6650" max="6650" width="9.140625" style="264" customWidth="1"/>
    <col min="6651" max="6651" width="7" style="264" customWidth="1"/>
    <col min="6652" max="6652" width="9.140625" style="264" customWidth="1"/>
    <col min="6653" max="6653" width="7.42578125" style="264" customWidth="1"/>
    <col min="6654" max="6654" width="9.140625" style="264" customWidth="1"/>
    <col min="6655" max="6655" width="7.42578125" style="264" customWidth="1"/>
    <col min="6656" max="6657" width="9.140625" style="264" customWidth="1"/>
    <col min="6658" max="6658" width="7.42578125" style="264" customWidth="1"/>
    <col min="6659" max="6659" width="9.140625" style="264" customWidth="1"/>
    <col min="6660" max="6660" width="7.85546875" style="264" customWidth="1"/>
    <col min="6661" max="6662" width="9.140625" style="264" customWidth="1"/>
    <col min="6663" max="6663" width="7.7109375" style="264" customWidth="1"/>
    <col min="6664" max="6664" width="9.140625" style="264" customWidth="1"/>
    <col min="6665" max="6665" width="7.5703125" style="264" customWidth="1"/>
    <col min="6666" max="6666" width="9.140625" style="264" customWidth="1"/>
    <col min="6667" max="6668" width="7.7109375" style="264" customWidth="1"/>
    <col min="6669" max="6669" width="8" style="264" customWidth="1"/>
    <col min="6670" max="6901" width="9.140625" style="264"/>
    <col min="6902" max="6902" width="32" style="264" customWidth="1"/>
    <col min="6903" max="6903" width="9.140625" style="264"/>
    <col min="6904" max="6904" width="9.140625" style="264" customWidth="1"/>
    <col min="6905" max="6905" width="9.140625" style="264"/>
    <col min="6906" max="6906" width="9.140625" style="264" customWidth="1"/>
    <col min="6907" max="6907" width="7" style="264" customWidth="1"/>
    <col min="6908" max="6908" width="9.140625" style="264" customWidth="1"/>
    <col min="6909" max="6909" width="7.42578125" style="264" customWidth="1"/>
    <col min="6910" max="6910" width="9.140625" style="264" customWidth="1"/>
    <col min="6911" max="6911" width="7.42578125" style="264" customWidth="1"/>
    <col min="6912" max="6913" width="9.140625" style="264" customWidth="1"/>
    <col min="6914" max="6914" width="7.42578125" style="264" customWidth="1"/>
    <col min="6915" max="6915" width="9.140625" style="264" customWidth="1"/>
    <col min="6916" max="6916" width="7.85546875" style="264" customWidth="1"/>
    <col min="6917" max="6918" width="9.140625" style="264" customWidth="1"/>
    <col min="6919" max="6919" width="7.7109375" style="264" customWidth="1"/>
    <col min="6920" max="6920" width="9.140625" style="264" customWidth="1"/>
    <col min="6921" max="6921" width="7.5703125" style="264" customWidth="1"/>
    <col min="6922" max="6922" width="9.140625" style="264" customWidth="1"/>
    <col min="6923" max="6924" width="7.7109375" style="264" customWidth="1"/>
    <col min="6925" max="6925" width="8" style="264" customWidth="1"/>
    <col min="6926" max="7157" width="9.140625" style="264"/>
    <col min="7158" max="7158" width="32" style="264" customWidth="1"/>
    <col min="7159" max="7159" width="9.140625" style="264"/>
    <col min="7160" max="7160" width="9.140625" style="264" customWidth="1"/>
    <col min="7161" max="7161" width="9.140625" style="264"/>
    <col min="7162" max="7162" width="9.140625" style="264" customWidth="1"/>
    <col min="7163" max="7163" width="7" style="264" customWidth="1"/>
    <col min="7164" max="7164" width="9.140625" style="264" customWidth="1"/>
    <col min="7165" max="7165" width="7.42578125" style="264" customWidth="1"/>
    <col min="7166" max="7166" width="9.140625" style="264" customWidth="1"/>
    <col min="7167" max="7167" width="7.42578125" style="264" customWidth="1"/>
    <col min="7168" max="7169" width="9.140625" style="264" customWidth="1"/>
    <col min="7170" max="7170" width="7.42578125" style="264" customWidth="1"/>
    <col min="7171" max="7171" width="9.140625" style="264" customWidth="1"/>
    <col min="7172" max="7172" width="7.85546875" style="264" customWidth="1"/>
    <col min="7173" max="7174" width="9.140625" style="264" customWidth="1"/>
    <col min="7175" max="7175" width="7.7109375" style="264" customWidth="1"/>
    <col min="7176" max="7176" width="9.140625" style="264" customWidth="1"/>
    <col min="7177" max="7177" width="7.5703125" style="264" customWidth="1"/>
    <col min="7178" max="7178" width="9.140625" style="264" customWidth="1"/>
    <col min="7179" max="7180" width="7.7109375" style="264" customWidth="1"/>
    <col min="7181" max="7181" width="8" style="264" customWidth="1"/>
    <col min="7182" max="7413" width="9.140625" style="264"/>
    <col min="7414" max="7414" width="32" style="264" customWidth="1"/>
    <col min="7415" max="7415" width="9.140625" style="264"/>
    <col min="7416" max="7416" width="9.140625" style="264" customWidth="1"/>
    <col min="7417" max="7417" width="9.140625" style="264"/>
    <col min="7418" max="7418" width="9.140625" style="264" customWidth="1"/>
    <col min="7419" max="7419" width="7" style="264" customWidth="1"/>
    <col min="7420" max="7420" width="9.140625" style="264" customWidth="1"/>
    <col min="7421" max="7421" width="7.42578125" style="264" customWidth="1"/>
    <col min="7422" max="7422" width="9.140625" style="264" customWidth="1"/>
    <col min="7423" max="7423" width="7.42578125" style="264" customWidth="1"/>
    <col min="7424" max="7425" width="9.140625" style="264" customWidth="1"/>
    <col min="7426" max="7426" width="7.42578125" style="264" customWidth="1"/>
    <col min="7427" max="7427" width="9.140625" style="264" customWidth="1"/>
    <col min="7428" max="7428" width="7.85546875" style="264" customWidth="1"/>
    <col min="7429" max="7430" width="9.140625" style="264" customWidth="1"/>
    <col min="7431" max="7431" width="7.7109375" style="264" customWidth="1"/>
    <col min="7432" max="7432" width="9.140625" style="264" customWidth="1"/>
    <col min="7433" max="7433" width="7.5703125" style="264" customWidth="1"/>
    <col min="7434" max="7434" width="9.140625" style="264" customWidth="1"/>
    <col min="7435" max="7436" width="7.7109375" style="264" customWidth="1"/>
    <col min="7437" max="7437" width="8" style="264" customWidth="1"/>
    <col min="7438" max="7669" width="9.140625" style="264"/>
    <col min="7670" max="7670" width="32" style="264" customWidth="1"/>
    <col min="7671" max="7671" width="9.140625" style="264"/>
    <col min="7672" max="7672" width="9.140625" style="264" customWidth="1"/>
    <col min="7673" max="7673" width="9.140625" style="264"/>
    <col min="7674" max="7674" width="9.140625" style="264" customWidth="1"/>
    <col min="7675" max="7675" width="7" style="264" customWidth="1"/>
    <col min="7676" max="7676" width="9.140625" style="264" customWidth="1"/>
    <col min="7677" max="7677" width="7.42578125" style="264" customWidth="1"/>
    <col min="7678" max="7678" width="9.140625" style="264" customWidth="1"/>
    <col min="7679" max="7679" width="7.42578125" style="264" customWidth="1"/>
    <col min="7680" max="7681" width="9.140625" style="264" customWidth="1"/>
    <col min="7682" max="7682" width="7.42578125" style="264" customWidth="1"/>
    <col min="7683" max="7683" width="9.140625" style="264" customWidth="1"/>
    <col min="7684" max="7684" width="7.85546875" style="264" customWidth="1"/>
    <col min="7685" max="7686" width="9.140625" style="264" customWidth="1"/>
    <col min="7687" max="7687" width="7.7109375" style="264" customWidth="1"/>
    <col min="7688" max="7688" width="9.140625" style="264" customWidth="1"/>
    <col min="7689" max="7689" width="7.5703125" style="264" customWidth="1"/>
    <col min="7690" max="7690" width="9.140625" style="264" customWidth="1"/>
    <col min="7691" max="7692" width="7.7109375" style="264" customWidth="1"/>
    <col min="7693" max="7693" width="8" style="264" customWidth="1"/>
    <col min="7694" max="7925" width="9.140625" style="264"/>
    <col min="7926" max="7926" width="32" style="264" customWidth="1"/>
    <col min="7927" max="7927" width="9.140625" style="264"/>
    <col min="7928" max="7928" width="9.140625" style="264" customWidth="1"/>
    <col min="7929" max="7929" width="9.140625" style="264"/>
    <col min="7930" max="7930" width="9.140625" style="264" customWidth="1"/>
    <col min="7931" max="7931" width="7" style="264" customWidth="1"/>
    <col min="7932" max="7932" width="9.140625" style="264" customWidth="1"/>
    <col min="7933" max="7933" width="7.42578125" style="264" customWidth="1"/>
    <col min="7934" max="7934" width="9.140625" style="264" customWidth="1"/>
    <col min="7935" max="7935" width="7.42578125" style="264" customWidth="1"/>
    <col min="7936" max="7937" width="9.140625" style="264" customWidth="1"/>
    <col min="7938" max="7938" width="7.42578125" style="264" customWidth="1"/>
    <col min="7939" max="7939" width="9.140625" style="264" customWidth="1"/>
    <col min="7940" max="7940" width="7.85546875" style="264" customWidth="1"/>
    <col min="7941" max="7942" width="9.140625" style="264" customWidth="1"/>
    <col min="7943" max="7943" width="7.7109375" style="264" customWidth="1"/>
    <col min="7944" max="7944" width="9.140625" style="264" customWidth="1"/>
    <col min="7945" max="7945" width="7.5703125" style="264" customWidth="1"/>
    <col min="7946" max="7946" width="9.140625" style="264" customWidth="1"/>
    <col min="7947" max="7948" width="7.7109375" style="264" customWidth="1"/>
    <col min="7949" max="7949" width="8" style="264" customWidth="1"/>
    <col min="7950" max="8181" width="9.140625" style="264"/>
    <col min="8182" max="8182" width="32" style="264" customWidth="1"/>
    <col min="8183" max="8183" width="9.140625" style="264"/>
    <col min="8184" max="8184" width="9.140625" style="264" customWidth="1"/>
    <col min="8185" max="8185" width="9.140625" style="264"/>
    <col min="8186" max="8186" width="9.140625" style="264" customWidth="1"/>
    <col min="8187" max="8187" width="7" style="264" customWidth="1"/>
    <col min="8188" max="8188" width="9.140625" style="264" customWidth="1"/>
    <col min="8189" max="8189" width="7.42578125" style="264" customWidth="1"/>
    <col min="8190" max="8190" width="9.140625" style="264" customWidth="1"/>
    <col min="8191" max="8191" width="7.42578125" style="264" customWidth="1"/>
    <col min="8192" max="8193" width="9.140625" style="264" customWidth="1"/>
    <col min="8194" max="8194" width="7.42578125" style="264" customWidth="1"/>
    <col min="8195" max="8195" width="9.140625" style="264" customWidth="1"/>
    <col min="8196" max="8196" width="7.85546875" style="264" customWidth="1"/>
    <col min="8197" max="8198" width="9.140625" style="264" customWidth="1"/>
    <col min="8199" max="8199" width="7.7109375" style="264" customWidth="1"/>
    <col min="8200" max="8200" width="9.140625" style="264" customWidth="1"/>
    <col min="8201" max="8201" width="7.5703125" style="264" customWidth="1"/>
    <col min="8202" max="8202" width="9.140625" style="264" customWidth="1"/>
    <col min="8203" max="8204" width="7.7109375" style="264" customWidth="1"/>
    <col min="8205" max="8205" width="8" style="264" customWidth="1"/>
    <col min="8206" max="8437" width="9.140625" style="264"/>
    <col min="8438" max="8438" width="32" style="264" customWidth="1"/>
    <col min="8439" max="8439" width="9.140625" style="264"/>
    <col min="8440" max="8440" width="9.140625" style="264" customWidth="1"/>
    <col min="8441" max="8441" width="9.140625" style="264"/>
    <col min="8442" max="8442" width="9.140625" style="264" customWidth="1"/>
    <col min="8443" max="8443" width="7" style="264" customWidth="1"/>
    <col min="8444" max="8444" width="9.140625" style="264" customWidth="1"/>
    <col min="8445" max="8445" width="7.42578125" style="264" customWidth="1"/>
    <col min="8446" max="8446" width="9.140625" style="264" customWidth="1"/>
    <col min="8447" max="8447" width="7.42578125" style="264" customWidth="1"/>
    <col min="8448" max="8449" width="9.140625" style="264" customWidth="1"/>
    <col min="8450" max="8450" width="7.42578125" style="264" customWidth="1"/>
    <col min="8451" max="8451" width="9.140625" style="264" customWidth="1"/>
    <col min="8452" max="8452" width="7.85546875" style="264" customWidth="1"/>
    <col min="8453" max="8454" width="9.140625" style="264" customWidth="1"/>
    <col min="8455" max="8455" width="7.7109375" style="264" customWidth="1"/>
    <col min="8456" max="8456" width="9.140625" style="264" customWidth="1"/>
    <col min="8457" max="8457" width="7.5703125" style="264" customWidth="1"/>
    <col min="8458" max="8458" width="9.140625" style="264" customWidth="1"/>
    <col min="8459" max="8460" width="7.7109375" style="264" customWidth="1"/>
    <col min="8461" max="8461" width="8" style="264" customWidth="1"/>
    <col min="8462" max="8693" width="9.140625" style="264"/>
    <col min="8694" max="8694" width="32" style="264" customWidth="1"/>
    <col min="8695" max="8695" width="9.140625" style="264"/>
    <col min="8696" max="8696" width="9.140625" style="264" customWidth="1"/>
    <col min="8697" max="8697" width="9.140625" style="264"/>
    <col min="8698" max="8698" width="9.140625" style="264" customWidth="1"/>
    <col min="8699" max="8699" width="7" style="264" customWidth="1"/>
    <col min="8700" max="8700" width="9.140625" style="264" customWidth="1"/>
    <col min="8701" max="8701" width="7.42578125" style="264" customWidth="1"/>
    <col min="8702" max="8702" width="9.140625" style="264" customWidth="1"/>
    <col min="8703" max="8703" width="7.42578125" style="264" customWidth="1"/>
    <col min="8704" max="8705" width="9.140625" style="264" customWidth="1"/>
    <col min="8706" max="8706" width="7.42578125" style="264" customWidth="1"/>
    <col min="8707" max="8707" width="9.140625" style="264" customWidth="1"/>
    <col min="8708" max="8708" width="7.85546875" style="264" customWidth="1"/>
    <col min="8709" max="8710" width="9.140625" style="264" customWidth="1"/>
    <col min="8711" max="8711" width="7.7109375" style="264" customWidth="1"/>
    <col min="8712" max="8712" width="9.140625" style="264" customWidth="1"/>
    <col min="8713" max="8713" width="7.5703125" style="264" customWidth="1"/>
    <col min="8714" max="8714" width="9.140625" style="264" customWidth="1"/>
    <col min="8715" max="8716" width="7.7109375" style="264" customWidth="1"/>
    <col min="8717" max="8717" width="8" style="264" customWidth="1"/>
    <col min="8718" max="8949" width="9.140625" style="264"/>
    <col min="8950" max="8950" width="32" style="264" customWidth="1"/>
    <col min="8951" max="8951" width="9.140625" style="264"/>
    <col min="8952" max="8952" width="9.140625" style="264" customWidth="1"/>
    <col min="8953" max="8953" width="9.140625" style="264"/>
    <col min="8954" max="8954" width="9.140625" style="264" customWidth="1"/>
    <col min="8955" max="8955" width="7" style="264" customWidth="1"/>
    <col min="8956" max="8956" width="9.140625" style="264" customWidth="1"/>
    <col min="8957" max="8957" width="7.42578125" style="264" customWidth="1"/>
    <col min="8958" max="8958" width="9.140625" style="264" customWidth="1"/>
    <col min="8959" max="8959" width="7.42578125" style="264" customWidth="1"/>
    <col min="8960" max="8961" width="9.140625" style="264" customWidth="1"/>
    <col min="8962" max="8962" width="7.42578125" style="264" customWidth="1"/>
    <col min="8963" max="8963" width="9.140625" style="264" customWidth="1"/>
    <col min="8964" max="8964" width="7.85546875" style="264" customWidth="1"/>
    <col min="8965" max="8966" width="9.140625" style="264" customWidth="1"/>
    <col min="8967" max="8967" width="7.7109375" style="264" customWidth="1"/>
    <col min="8968" max="8968" width="9.140625" style="264" customWidth="1"/>
    <col min="8969" max="8969" width="7.5703125" style="264" customWidth="1"/>
    <col min="8970" max="8970" width="9.140625" style="264" customWidth="1"/>
    <col min="8971" max="8972" width="7.7109375" style="264" customWidth="1"/>
    <col min="8973" max="8973" width="8" style="264" customWidth="1"/>
    <col min="8974" max="9205" width="9.140625" style="264"/>
    <col min="9206" max="9206" width="32" style="264" customWidth="1"/>
    <col min="9207" max="9207" width="9.140625" style="264"/>
    <col min="9208" max="9208" width="9.140625" style="264" customWidth="1"/>
    <col min="9209" max="9209" width="9.140625" style="264"/>
    <col min="9210" max="9210" width="9.140625" style="264" customWidth="1"/>
    <col min="9211" max="9211" width="7" style="264" customWidth="1"/>
    <col min="9212" max="9212" width="9.140625" style="264" customWidth="1"/>
    <col min="9213" max="9213" width="7.42578125" style="264" customWidth="1"/>
    <col min="9214" max="9214" width="9.140625" style="264" customWidth="1"/>
    <col min="9215" max="9215" width="7.42578125" style="264" customWidth="1"/>
    <col min="9216" max="9217" width="9.140625" style="264" customWidth="1"/>
    <col min="9218" max="9218" width="7.42578125" style="264" customWidth="1"/>
    <col min="9219" max="9219" width="9.140625" style="264" customWidth="1"/>
    <col min="9220" max="9220" width="7.85546875" style="264" customWidth="1"/>
    <col min="9221" max="9222" width="9.140625" style="264" customWidth="1"/>
    <col min="9223" max="9223" width="7.7109375" style="264" customWidth="1"/>
    <col min="9224" max="9224" width="9.140625" style="264" customWidth="1"/>
    <col min="9225" max="9225" width="7.5703125" style="264" customWidth="1"/>
    <col min="9226" max="9226" width="9.140625" style="264" customWidth="1"/>
    <col min="9227" max="9228" width="7.7109375" style="264" customWidth="1"/>
    <col min="9229" max="9229" width="8" style="264" customWidth="1"/>
    <col min="9230" max="9461" width="9.140625" style="264"/>
    <col min="9462" max="9462" width="32" style="264" customWidth="1"/>
    <col min="9463" max="9463" width="9.140625" style="264"/>
    <col min="9464" max="9464" width="9.140625" style="264" customWidth="1"/>
    <col min="9465" max="9465" width="9.140625" style="264"/>
    <col min="9466" max="9466" width="9.140625" style="264" customWidth="1"/>
    <col min="9467" max="9467" width="7" style="264" customWidth="1"/>
    <col min="9468" max="9468" width="9.140625" style="264" customWidth="1"/>
    <col min="9469" max="9469" width="7.42578125" style="264" customWidth="1"/>
    <col min="9470" max="9470" width="9.140625" style="264" customWidth="1"/>
    <col min="9471" max="9471" width="7.42578125" style="264" customWidth="1"/>
    <col min="9472" max="9473" width="9.140625" style="264" customWidth="1"/>
    <col min="9474" max="9474" width="7.42578125" style="264" customWidth="1"/>
    <col min="9475" max="9475" width="9.140625" style="264" customWidth="1"/>
    <col min="9476" max="9476" width="7.85546875" style="264" customWidth="1"/>
    <col min="9477" max="9478" width="9.140625" style="264" customWidth="1"/>
    <col min="9479" max="9479" width="7.7109375" style="264" customWidth="1"/>
    <col min="9480" max="9480" width="9.140625" style="264" customWidth="1"/>
    <col min="9481" max="9481" width="7.5703125" style="264" customWidth="1"/>
    <col min="9482" max="9482" width="9.140625" style="264" customWidth="1"/>
    <col min="9483" max="9484" width="7.7109375" style="264" customWidth="1"/>
    <col min="9485" max="9485" width="8" style="264" customWidth="1"/>
    <col min="9486" max="9717" width="9.140625" style="264"/>
    <col min="9718" max="9718" width="32" style="264" customWidth="1"/>
    <col min="9719" max="9719" width="9.140625" style="264"/>
    <col min="9720" max="9720" width="9.140625" style="264" customWidth="1"/>
    <col min="9721" max="9721" width="9.140625" style="264"/>
    <col min="9722" max="9722" width="9.140625" style="264" customWidth="1"/>
    <col min="9723" max="9723" width="7" style="264" customWidth="1"/>
    <col min="9724" max="9724" width="9.140625" style="264" customWidth="1"/>
    <col min="9725" max="9725" width="7.42578125" style="264" customWidth="1"/>
    <col min="9726" max="9726" width="9.140625" style="264" customWidth="1"/>
    <col min="9727" max="9727" width="7.42578125" style="264" customWidth="1"/>
    <col min="9728" max="9729" width="9.140625" style="264" customWidth="1"/>
    <col min="9730" max="9730" width="7.42578125" style="264" customWidth="1"/>
    <col min="9731" max="9731" width="9.140625" style="264" customWidth="1"/>
    <col min="9732" max="9732" width="7.85546875" style="264" customWidth="1"/>
    <col min="9733" max="9734" width="9.140625" style="264" customWidth="1"/>
    <col min="9735" max="9735" width="7.7109375" style="264" customWidth="1"/>
    <col min="9736" max="9736" width="9.140625" style="264" customWidth="1"/>
    <col min="9737" max="9737" width="7.5703125" style="264" customWidth="1"/>
    <col min="9738" max="9738" width="9.140625" style="264" customWidth="1"/>
    <col min="9739" max="9740" width="7.7109375" style="264" customWidth="1"/>
    <col min="9741" max="9741" width="8" style="264" customWidth="1"/>
    <col min="9742" max="9973" width="9.140625" style="264"/>
    <col min="9974" max="9974" width="32" style="264" customWidth="1"/>
    <col min="9975" max="9975" width="9.140625" style="264"/>
    <col min="9976" max="9976" width="9.140625" style="264" customWidth="1"/>
    <col min="9977" max="9977" width="9.140625" style="264"/>
    <col min="9978" max="9978" width="9.140625" style="264" customWidth="1"/>
    <col min="9979" max="9979" width="7" style="264" customWidth="1"/>
    <col min="9980" max="9980" width="9.140625" style="264" customWidth="1"/>
    <col min="9981" max="9981" width="7.42578125" style="264" customWidth="1"/>
    <col min="9982" max="9982" width="9.140625" style="264" customWidth="1"/>
    <col min="9983" max="9983" width="7.42578125" style="264" customWidth="1"/>
    <col min="9984" max="9985" width="9.140625" style="264" customWidth="1"/>
    <col min="9986" max="9986" width="7.42578125" style="264" customWidth="1"/>
    <col min="9987" max="9987" width="9.140625" style="264" customWidth="1"/>
    <col min="9988" max="9988" width="7.85546875" style="264" customWidth="1"/>
    <col min="9989" max="9990" width="9.140625" style="264" customWidth="1"/>
    <col min="9991" max="9991" width="7.7109375" style="264" customWidth="1"/>
    <col min="9992" max="9992" width="9.140625" style="264" customWidth="1"/>
    <col min="9993" max="9993" width="7.5703125" style="264" customWidth="1"/>
    <col min="9994" max="9994" width="9.140625" style="264" customWidth="1"/>
    <col min="9995" max="9996" width="7.7109375" style="264" customWidth="1"/>
    <col min="9997" max="9997" width="8" style="264" customWidth="1"/>
    <col min="9998" max="10229" width="9.140625" style="264"/>
    <col min="10230" max="10230" width="32" style="264" customWidth="1"/>
    <col min="10231" max="10231" width="9.140625" style="264"/>
    <col min="10232" max="10232" width="9.140625" style="264" customWidth="1"/>
    <col min="10233" max="10233" width="9.140625" style="264"/>
    <col min="10234" max="10234" width="9.140625" style="264" customWidth="1"/>
    <col min="10235" max="10235" width="7" style="264" customWidth="1"/>
    <col min="10236" max="10236" width="9.140625" style="264" customWidth="1"/>
    <col min="10237" max="10237" width="7.42578125" style="264" customWidth="1"/>
    <col min="10238" max="10238" width="9.140625" style="264" customWidth="1"/>
    <col min="10239" max="10239" width="7.42578125" style="264" customWidth="1"/>
    <col min="10240" max="10241" width="9.140625" style="264" customWidth="1"/>
    <col min="10242" max="10242" width="7.42578125" style="264" customWidth="1"/>
    <col min="10243" max="10243" width="9.140625" style="264" customWidth="1"/>
    <col min="10244" max="10244" width="7.85546875" style="264" customWidth="1"/>
    <col min="10245" max="10246" width="9.140625" style="264" customWidth="1"/>
    <col min="10247" max="10247" width="7.7109375" style="264" customWidth="1"/>
    <col min="10248" max="10248" width="9.140625" style="264" customWidth="1"/>
    <col min="10249" max="10249" width="7.5703125" style="264" customWidth="1"/>
    <col min="10250" max="10250" width="9.140625" style="264" customWidth="1"/>
    <col min="10251" max="10252" width="7.7109375" style="264" customWidth="1"/>
    <col min="10253" max="10253" width="8" style="264" customWidth="1"/>
    <col min="10254" max="10485" width="9.140625" style="264"/>
    <col min="10486" max="10486" width="32" style="264" customWidth="1"/>
    <col min="10487" max="10487" width="9.140625" style="264"/>
    <col min="10488" max="10488" width="9.140625" style="264" customWidth="1"/>
    <col min="10489" max="10489" width="9.140625" style="264"/>
    <col min="10490" max="10490" width="9.140625" style="264" customWidth="1"/>
    <col min="10491" max="10491" width="7" style="264" customWidth="1"/>
    <col min="10492" max="10492" width="9.140625" style="264" customWidth="1"/>
    <col min="10493" max="10493" width="7.42578125" style="264" customWidth="1"/>
    <col min="10494" max="10494" width="9.140625" style="264" customWidth="1"/>
    <col min="10495" max="10495" width="7.42578125" style="264" customWidth="1"/>
    <col min="10496" max="10497" width="9.140625" style="264" customWidth="1"/>
    <col min="10498" max="10498" width="7.42578125" style="264" customWidth="1"/>
    <col min="10499" max="10499" width="9.140625" style="264" customWidth="1"/>
    <col min="10500" max="10500" width="7.85546875" style="264" customWidth="1"/>
    <col min="10501" max="10502" width="9.140625" style="264" customWidth="1"/>
    <col min="10503" max="10503" width="7.7109375" style="264" customWidth="1"/>
    <col min="10504" max="10504" width="9.140625" style="264" customWidth="1"/>
    <col min="10505" max="10505" width="7.5703125" style="264" customWidth="1"/>
    <col min="10506" max="10506" width="9.140625" style="264" customWidth="1"/>
    <col min="10507" max="10508" width="7.7109375" style="264" customWidth="1"/>
    <col min="10509" max="10509" width="8" style="264" customWidth="1"/>
    <col min="10510" max="10741" width="9.140625" style="264"/>
    <col min="10742" max="10742" width="32" style="264" customWidth="1"/>
    <col min="10743" max="10743" width="9.140625" style="264"/>
    <col min="10744" max="10744" width="9.140625" style="264" customWidth="1"/>
    <col min="10745" max="10745" width="9.140625" style="264"/>
    <col min="10746" max="10746" width="9.140625" style="264" customWidth="1"/>
    <col min="10747" max="10747" width="7" style="264" customWidth="1"/>
    <col min="10748" max="10748" width="9.140625" style="264" customWidth="1"/>
    <col min="10749" max="10749" width="7.42578125" style="264" customWidth="1"/>
    <col min="10750" max="10750" width="9.140625" style="264" customWidth="1"/>
    <col min="10751" max="10751" width="7.42578125" style="264" customWidth="1"/>
    <col min="10752" max="10753" width="9.140625" style="264" customWidth="1"/>
    <col min="10754" max="10754" width="7.42578125" style="264" customWidth="1"/>
    <col min="10755" max="10755" width="9.140625" style="264" customWidth="1"/>
    <col min="10756" max="10756" width="7.85546875" style="264" customWidth="1"/>
    <col min="10757" max="10758" width="9.140625" style="264" customWidth="1"/>
    <col min="10759" max="10759" width="7.7109375" style="264" customWidth="1"/>
    <col min="10760" max="10760" width="9.140625" style="264" customWidth="1"/>
    <col min="10761" max="10761" width="7.5703125" style="264" customWidth="1"/>
    <col min="10762" max="10762" width="9.140625" style="264" customWidth="1"/>
    <col min="10763" max="10764" width="7.7109375" style="264" customWidth="1"/>
    <col min="10765" max="10765" width="8" style="264" customWidth="1"/>
    <col min="10766" max="10997" width="9.140625" style="264"/>
    <col min="10998" max="10998" width="32" style="264" customWidth="1"/>
    <col min="10999" max="10999" width="9.140625" style="264"/>
    <col min="11000" max="11000" width="9.140625" style="264" customWidth="1"/>
    <col min="11001" max="11001" width="9.140625" style="264"/>
    <col min="11002" max="11002" width="9.140625" style="264" customWidth="1"/>
    <col min="11003" max="11003" width="7" style="264" customWidth="1"/>
    <col min="11004" max="11004" width="9.140625" style="264" customWidth="1"/>
    <col min="11005" max="11005" width="7.42578125" style="264" customWidth="1"/>
    <col min="11006" max="11006" width="9.140625" style="264" customWidth="1"/>
    <col min="11007" max="11007" width="7.42578125" style="264" customWidth="1"/>
    <col min="11008" max="11009" width="9.140625" style="264" customWidth="1"/>
    <col min="11010" max="11010" width="7.42578125" style="264" customWidth="1"/>
    <col min="11011" max="11011" width="9.140625" style="264" customWidth="1"/>
    <col min="11012" max="11012" width="7.85546875" style="264" customWidth="1"/>
    <col min="11013" max="11014" width="9.140625" style="264" customWidth="1"/>
    <col min="11015" max="11015" width="7.7109375" style="264" customWidth="1"/>
    <col min="11016" max="11016" width="9.140625" style="264" customWidth="1"/>
    <col min="11017" max="11017" width="7.5703125" style="264" customWidth="1"/>
    <col min="11018" max="11018" width="9.140625" style="264" customWidth="1"/>
    <col min="11019" max="11020" width="7.7109375" style="264" customWidth="1"/>
    <col min="11021" max="11021" width="8" style="264" customWidth="1"/>
    <col min="11022" max="11253" width="9.140625" style="264"/>
    <col min="11254" max="11254" width="32" style="264" customWidth="1"/>
    <col min="11255" max="11255" width="9.140625" style="264"/>
    <col min="11256" max="11256" width="9.140625" style="264" customWidth="1"/>
    <col min="11257" max="11257" width="9.140625" style="264"/>
    <col min="11258" max="11258" width="9.140625" style="264" customWidth="1"/>
    <col min="11259" max="11259" width="7" style="264" customWidth="1"/>
    <col min="11260" max="11260" width="9.140625" style="264" customWidth="1"/>
    <col min="11261" max="11261" width="7.42578125" style="264" customWidth="1"/>
    <col min="11262" max="11262" width="9.140625" style="264" customWidth="1"/>
    <col min="11263" max="11263" width="7.42578125" style="264" customWidth="1"/>
    <col min="11264" max="11265" width="9.140625" style="264" customWidth="1"/>
    <col min="11266" max="11266" width="7.42578125" style="264" customWidth="1"/>
    <col min="11267" max="11267" width="9.140625" style="264" customWidth="1"/>
    <col min="11268" max="11268" width="7.85546875" style="264" customWidth="1"/>
    <col min="11269" max="11270" width="9.140625" style="264" customWidth="1"/>
    <col min="11271" max="11271" width="7.7109375" style="264" customWidth="1"/>
    <col min="11272" max="11272" width="9.140625" style="264" customWidth="1"/>
    <col min="11273" max="11273" width="7.5703125" style="264" customWidth="1"/>
    <col min="11274" max="11274" width="9.140625" style="264" customWidth="1"/>
    <col min="11275" max="11276" width="7.7109375" style="264" customWidth="1"/>
    <col min="11277" max="11277" width="8" style="264" customWidth="1"/>
    <col min="11278" max="11509" width="9.140625" style="264"/>
    <col min="11510" max="11510" width="32" style="264" customWidth="1"/>
    <col min="11511" max="11511" width="9.140625" style="264"/>
    <col min="11512" max="11512" width="9.140625" style="264" customWidth="1"/>
    <col min="11513" max="11513" width="9.140625" style="264"/>
    <col min="11514" max="11514" width="9.140625" style="264" customWidth="1"/>
    <col min="11515" max="11515" width="7" style="264" customWidth="1"/>
    <col min="11516" max="11516" width="9.140625" style="264" customWidth="1"/>
    <col min="11517" max="11517" width="7.42578125" style="264" customWidth="1"/>
    <col min="11518" max="11518" width="9.140625" style="264" customWidth="1"/>
    <col min="11519" max="11519" width="7.42578125" style="264" customWidth="1"/>
    <col min="11520" max="11521" width="9.140625" style="264" customWidth="1"/>
    <col min="11522" max="11522" width="7.42578125" style="264" customWidth="1"/>
    <col min="11523" max="11523" width="9.140625" style="264" customWidth="1"/>
    <col min="11524" max="11524" width="7.85546875" style="264" customWidth="1"/>
    <col min="11525" max="11526" width="9.140625" style="264" customWidth="1"/>
    <col min="11527" max="11527" width="7.7109375" style="264" customWidth="1"/>
    <col min="11528" max="11528" width="9.140625" style="264" customWidth="1"/>
    <col min="11529" max="11529" width="7.5703125" style="264" customWidth="1"/>
    <col min="11530" max="11530" width="9.140625" style="264" customWidth="1"/>
    <col min="11531" max="11532" width="7.7109375" style="264" customWidth="1"/>
    <col min="11533" max="11533" width="8" style="264" customWidth="1"/>
    <col min="11534" max="11765" width="9.140625" style="264"/>
    <col min="11766" max="11766" width="32" style="264" customWidth="1"/>
    <col min="11767" max="11767" width="9.140625" style="264"/>
    <col min="11768" max="11768" width="9.140625" style="264" customWidth="1"/>
    <col min="11769" max="11769" width="9.140625" style="264"/>
    <col min="11770" max="11770" width="9.140625" style="264" customWidth="1"/>
    <col min="11771" max="11771" width="7" style="264" customWidth="1"/>
    <col min="11772" max="11772" width="9.140625" style="264" customWidth="1"/>
    <col min="11773" max="11773" width="7.42578125" style="264" customWidth="1"/>
    <col min="11774" max="11774" width="9.140625" style="264" customWidth="1"/>
    <col min="11775" max="11775" width="7.42578125" style="264" customWidth="1"/>
    <col min="11776" max="11777" width="9.140625" style="264" customWidth="1"/>
    <col min="11778" max="11778" width="7.42578125" style="264" customWidth="1"/>
    <col min="11779" max="11779" width="9.140625" style="264" customWidth="1"/>
    <col min="11780" max="11780" width="7.85546875" style="264" customWidth="1"/>
    <col min="11781" max="11782" width="9.140625" style="264" customWidth="1"/>
    <col min="11783" max="11783" width="7.7109375" style="264" customWidth="1"/>
    <col min="11784" max="11784" width="9.140625" style="264" customWidth="1"/>
    <col min="11785" max="11785" width="7.5703125" style="264" customWidth="1"/>
    <col min="11786" max="11786" width="9.140625" style="264" customWidth="1"/>
    <col min="11787" max="11788" width="7.7109375" style="264" customWidth="1"/>
    <col min="11789" max="11789" width="8" style="264" customWidth="1"/>
    <col min="11790" max="12021" width="9.140625" style="264"/>
    <col min="12022" max="12022" width="32" style="264" customWidth="1"/>
    <col min="12023" max="12023" width="9.140625" style="264"/>
    <col min="12024" max="12024" width="9.140625" style="264" customWidth="1"/>
    <col min="12025" max="12025" width="9.140625" style="264"/>
    <col min="12026" max="12026" width="9.140625" style="264" customWidth="1"/>
    <col min="12027" max="12027" width="7" style="264" customWidth="1"/>
    <col min="12028" max="12028" width="9.140625" style="264" customWidth="1"/>
    <col min="12029" max="12029" width="7.42578125" style="264" customWidth="1"/>
    <col min="12030" max="12030" width="9.140625" style="264" customWidth="1"/>
    <col min="12031" max="12031" width="7.42578125" style="264" customWidth="1"/>
    <col min="12032" max="12033" width="9.140625" style="264" customWidth="1"/>
    <col min="12034" max="12034" width="7.42578125" style="264" customWidth="1"/>
    <col min="12035" max="12035" width="9.140625" style="264" customWidth="1"/>
    <col min="12036" max="12036" width="7.85546875" style="264" customWidth="1"/>
    <col min="12037" max="12038" width="9.140625" style="264" customWidth="1"/>
    <col min="12039" max="12039" width="7.7109375" style="264" customWidth="1"/>
    <col min="12040" max="12040" width="9.140625" style="264" customWidth="1"/>
    <col min="12041" max="12041" width="7.5703125" style="264" customWidth="1"/>
    <col min="12042" max="12042" width="9.140625" style="264" customWidth="1"/>
    <col min="12043" max="12044" width="7.7109375" style="264" customWidth="1"/>
    <col min="12045" max="12045" width="8" style="264" customWidth="1"/>
    <col min="12046" max="12277" width="9.140625" style="264"/>
    <col min="12278" max="12278" width="32" style="264" customWidth="1"/>
    <col min="12279" max="12279" width="9.140625" style="264"/>
    <col min="12280" max="12280" width="9.140625" style="264" customWidth="1"/>
    <col min="12281" max="12281" width="9.140625" style="264"/>
    <col min="12282" max="12282" width="9.140625" style="264" customWidth="1"/>
    <col min="12283" max="12283" width="7" style="264" customWidth="1"/>
    <col min="12284" max="12284" width="9.140625" style="264" customWidth="1"/>
    <col min="12285" max="12285" width="7.42578125" style="264" customWidth="1"/>
    <col min="12286" max="12286" width="9.140625" style="264" customWidth="1"/>
    <col min="12287" max="12287" width="7.42578125" style="264" customWidth="1"/>
    <col min="12288" max="12289" width="9.140625" style="264" customWidth="1"/>
    <col min="12290" max="12290" width="7.42578125" style="264" customWidth="1"/>
    <col min="12291" max="12291" width="9.140625" style="264" customWidth="1"/>
    <col min="12292" max="12292" width="7.85546875" style="264" customWidth="1"/>
    <col min="12293" max="12294" width="9.140625" style="264" customWidth="1"/>
    <col min="12295" max="12295" width="7.7109375" style="264" customWidth="1"/>
    <col min="12296" max="12296" width="9.140625" style="264" customWidth="1"/>
    <col min="12297" max="12297" width="7.5703125" style="264" customWidth="1"/>
    <col min="12298" max="12298" width="9.140625" style="264" customWidth="1"/>
    <col min="12299" max="12300" width="7.7109375" style="264" customWidth="1"/>
    <col min="12301" max="12301" width="8" style="264" customWidth="1"/>
    <col min="12302" max="12533" width="9.140625" style="264"/>
    <col min="12534" max="12534" width="32" style="264" customWidth="1"/>
    <col min="12535" max="12535" width="9.140625" style="264"/>
    <col min="12536" max="12536" width="9.140625" style="264" customWidth="1"/>
    <col min="12537" max="12537" width="9.140625" style="264"/>
    <col min="12538" max="12538" width="9.140625" style="264" customWidth="1"/>
    <col min="12539" max="12539" width="7" style="264" customWidth="1"/>
    <col min="12540" max="12540" width="9.140625" style="264" customWidth="1"/>
    <col min="12541" max="12541" width="7.42578125" style="264" customWidth="1"/>
    <col min="12542" max="12542" width="9.140625" style="264" customWidth="1"/>
    <col min="12543" max="12543" width="7.42578125" style="264" customWidth="1"/>
    <col min="12544" max="12545" width="9.140625" style="264" customWidth="1"/>
    <col min="12546" max="12546" width="7.42578125" style="264" customWidth="1"/>
    <col min="12547" max="12547" width="9.140625" style="264" customWidth="1"/>
    <col min="12548" max="12548" width="7.85546875" style="264" customWidth="1"/>
    <col min="12549" max="12550" width="9.140625" style="264" customWidth="1"/>
    <col min="12551" max="12551" width="7.7109375" style="264" customWidth="1"/>
    <col min="12552" max="12552" width="9.140625" style="264" customWidth="1"/>
    <col min="12553" max="12553" width="7.5703125" style="264" customWidth="1"/>
    <col min="12554" max="12554" width="9.140625" style="264" customWidth="1"/>
    <col min="12555" max="12556" width="7.7109375" style="264" customWidth="1"/>
    <col min="12557" max="12557" width="8" style="264" customWidth="1"/>
    <col min="12558" max="12789" width="9.140625" style="264"/>
    <col min="12790" max="12790" width="32" style="264" customWidth="1"/>
    <col min="12791" max="12791" width="9.140625" style="264"/>
    <col min="12792" max="12792" width="9.140625" style="264" customWidth="1"/>
    <col min="12793" max="12793" width="9.140625" style="264"/>
    <col min="12794" max="12794" width="9.140625" style="264" customWidth="1"/>
    <col min="12795" max="12795" width="7" style="264" customWidth="1"/>
    <col min="12796" max="12796" width="9.140625" style="264" customWidth="1"/>
    <col min="12797" max="12797" width="7.42578125" style="264" customWidth="1"/>
    <col min="12798" max="12798" width="9.140625" style="264" customWidth="1"/>
    <col min="12799" max="12799" width="7.42578125" style="264" customWidth="1"/>
    <col min="12800" max="12801" width="9.140625" style="264" customWidth="1"/>
    <col min="12802" max="12802" width="7.42578125" style="264" customWidth="1"/>
    <col min="12803" max="12803" width="9.140625" style="264" customWidth="1"/>
    <col min="12804" max="12804" width="7.85546875" style="264" customWidth="1"/>
    <col min="12805" max="12806" width="9.140625" style="264" customWidth="1"/>
    <col min="12807" max="12807" width="7.7109375" style="264" customWidth="1"/>
    <col min="12808" max="12808" width="9.140625" style="264" customWidth="1"/>
    <col min="12809" max="12809" width="7.5703125" style="264" customWidth="1"/>
    <col min="12810" max="12810" width="9.140625" style="264" customWidth="1"/>
    <col min="12811" max="12812" width="7.7109375" style="264" customWidth="1"/>
    <col min="12813" max="12813" width="8" style="264" customWidth="1"/>
    <col min="12814" max="13045" width="9.140625" style="264"/>
    <col min="13046" max="13046" width="32" style="264" customWidth="1"/>
    <col min="13047" max="13047" width="9.140625" style="264"/>
    <col min="13048" max="13048" width="9.140625" style="264" customWidth="1"/>
    <col min="13049" max="13049" width="9.140625" style="264"/>
    <col min="13050" max="13050" width="9.140625" style="264" customWidth="1"/>
    <col min="13051" max="13051" width="7" style="264" customWidth="1"/>
    <col min="13052" max="13052" width="9.140625" style="264" customWidth="1"/>
    <col min="13053" max="13053" width="7.42578125" style="264" customWidth="1"/>
    <col min="13054" max="13054" width="9.140625" style="264" customWidth="1"/>
    <col min="13055" max="13055" width="7.42578125" style="264" customWidth="1"/>
    <col min="13056" max="13057" width="9.140625" style="264" customWidth="1"/>
    <col min="13058" max="13058" width="7.42578125" style="264" customWidth="1"/>
    <col min="13059" max="13059" width="9.140625" style="264" customWidth="1"/>
    <col min="13060" max="13060" width="7.85546875" style="264" customWidth="1"/>
    <col min="13061" max="13062" width="9.140625" style="264" customWidth="1"/>
    <col min="13063" max="13063" width="7.7109375" style="264" customWidth="1"/>
    <col min="13064" max="13064" width="9.140625" style="264" customWidth="1"/>
    <col min="13065" max="13065" width="7.5703125" style="264" customWidth="1"/>
    <col min="13066" max="13066" width="9.140625" style="264" customWidth="1"/>
    <col min="13067" max="13068" width="7.7109375" style="264" customWidth="1"/>
    <col min="13069" max="13069" width="8" style="264" customWidth="1"/>
    <col min="13070" max="13301" width="9.140625" style="264"/>
    <col min="13302" max="13302" width="32" style="264" customWidth="1"/>
    <col min="13303" max="13303" width="9.140625" style="264"/>
    <col min="13304" max="13304" width="9.140625" style="264" customWidth="1"/>
    <col min="13305" max="13305" width="9.140625" style="264"/>
    <col min="13306" max="13306" width="9.140625" style="264" customWidth="1"/>
    <col min="13307" max="13307" width="7" style="264" customWidth="1"/>
    <col min="13308" max="13308" width="9.140625" style="264" customWidth="1"/>
    <col min="13309" max="13309" width="7.42578125" style="264" customWidth="1"/>
    <col min="13310" max="13310" width="9.140625" style="264" customWidth="1"/>
    <col min="13311" max="13311" width="7.42578125" style="264" customWidth="1"/>
    <col min="13312" max="13313" width="9.140625" style="264" customWidth="1"/>
    <col min="13314" max="13314" width="7.42578125" style="264" customWidth="1"/>
    <col min="13315" max="13315" width="9.140625" style="264" customWidth="1"/>
    <col min="13316" max="13316" width="7.85546875" style="264" customWidth="1"/>
    <col min="13317" max="13318" width="9.140625" style="264" customWidth="1"/>
    <col min="13319" max="13319" width="7.7109375" style="264" customWidth="1"/>
    <col min="13320" max="13320" width="9.140625" style="264" customWidth="1"/>
    <col min="13321" max="13321" width="7.5703125" style="264" customWidth="1"/>
    <col min="13322" max="13322" width="9.140625" style="264" customWidth="1"/>
    <col min="13323" max="13324" width="7.7109375" style="264" customWidth="1"/>
    <col min="13325" max="13325" width="8" style="264" customWidth="1"/>
    <col min="13326" max="13557" width="9.140625" style="264"/>
    <col min="13558" max="13558" width="32" style="264" customWidth="1"/>
    <col min="13559" max="13559" width="9.140625" style="264"/>
    <col min="13560" max="13560" width="9.140625" style="264" customWidth="1"/>
    <col min="13561" max="13561" width="9.140625" style="264"/>
    <col min="13562" max="13562" width="9.140625" style="264" customWidth="1"/>
    <col min="13563" max="13563" width="7" style="264" customWidth="1"/>
    <col min="13564" max="13564" width="9.140625" style="264" customWidth="1"/>
    <col min="13565" max="13565" width="7.42578125" style="264" customWidth="1"/>
    <col min="13566" max="13566" width="9.140625" style="264" customWidth="1"/>
    <col min="13567" max="13567" width="7.42578125" style="264" customWidth="1"/>
    <col min="13568" max="13569" width="9.140625" style="264" customWidth="1"/>
    <col min="13570" max="13570" width="7.42578125" style="264" customWidth="1"/>
    <col min="13571" max="13571" width="9.140625" style="264" customWidth="1"/>
    <col min="13572" max="13572" width="7.85546875" style="264" customWidth="1"/>
    <col min="13573" max="13574" width="9.140625" style="264" customWidth="1"/>
    <col min="13575" max="13575" width="7.7109375" style="264" customWidth="1"/>
    <col min="13576" max="13576" width="9.140625" style="264" customWidth="1"/>
    <col min="13577" max="13577" width="7.5703125" style="264" customWidth="1"/>
    <col min="13578" max="13578" width="9.140625" style="264" customWidth="1"/>
    <col min="13579" max="13580" width="7.7109375" style="264" customWidth="1"/>
    <col min="13581" max="13581" width="8" style="264" customWidth="1"/>
    <col min="13582" max="13813" width="9.140625" style="264"/>
    <col min="13814" max="13814" width="32" style="264" customWidth="1"/>
    <col min="13815" max="13815" width="9.140625" style="264"/>
    <col min="13816" max="13816" width="9.140625" style="264" customWidth="1"/>
    <col min="13817" max="13817" width="9.140625" style="264"/>
    <col min="13818" max="13818" width="9.140625" style="264" customWidth="1"/>
    <col min="13819" max="13819" width="7" style="264" customWidth="1"/>
    <col min="13820" max="13820" width="9.140625" style="264" customWidth="1"/>
    <col min="13821" max="13821" width="7.42578125" style="264" customWidth="1"/>
    <col min="13822" max="13822" width="9.140625" style="264" customWidth="1"/>
    <col min="13823" max="13823" width="7.42578125" style="264" customWidth="1"/>
    <col min="13824" max="13825" width="9.140625" style="264" customWidth="1"/>
    <col min="13826" max="13826" width="7.42578125" style="264" customWidth="1"/>
    <col min="13827" max="13827" width="9.140625" style="264" customWidth="1"/>
    <col min="13828" max="13828" width="7.85546875" style="264" customWidth="1"/>
    <col min="13829" max="13830" width="9.140625" style="264" customWidth="1"/>
    <col min="13831" max="13831" width="7.7109375" style="264" customWidth="1"/>
    <col min="13832" max="13832" width="9.140625" style="264" customWidth="1"/>
    <col min="13833" max="13833" width="7.5703125" style="264" customWidth="1"/>
    <col min="13834" max="13834" width="9.140625" style="264" customWidth="1"/>
    <col min="13835" max="13836" width="7.7109375" style="264" customWidth="1"/>
    <col min="13837" max="13837" width="8" style="264" customWidth="1"/>
    <col min="13838" max="14069" width="9.140625" style="264"/>
    <col min="14070" max="14070" width="32" style="264" customWidth="1"/>
    <col min="14071" max="14071" width="9.140625" style="264"/>
    <col min="14072" max="14072" width="9.140625" style="264" customWidth="1"/>
    <col min="14073" max="14073" width="9.140625" style="264"/>
    <col min="14074" max="14074" width="9.140625" style="264" customWidth="1"/>
    <col min="14075" max="14075" width="7" style="264" customWidth="1"/>
    <col min="14076" max="14076" width="9.140625" style="264" customWidth="1"/>
    <col min="14077" max="14077" width="7.42578125" style="264" customWidth="1"/>
    <col min="14078" max="14078" width="9.140625" style="264" customWidth="1"/>
    <col min="14079" max="14079" width="7.42578125" style="264" customWidth="1"/>
    <col min="14080" max="14081" width="9.140625" style="264" customWidth="1"/>
    <col min="14082" max="14082" width="7.42578125" style="264" customWidth="1"/>
    <col min="14083" max="14083" width="9.140625" style="264" customWidth="1"/>
    <col min="14084" max="14084" width="7.85546875" style="264" customWidth="1"/>
    <col min="14085" max="14086" width="9.140625" style="264" customWidth="1"/>
    <col min="14087" max="14087" width="7.7109375" style="264" customWidth="1"/>
    <col min="14088" max="14088" width="9.140625" style="264" customWidth="1"/>
    <col min="14089" max="14089" width="7.5703125" style="264" customWidth="1"/>
    <col min="14090" max="14090" width="9.140625" style="264" customWidth="1"/>
    <col min="14091" max="14092" width="7.7109375" style="264" customWidth="1"/>
    <col min="14093" max="14093" width="8" style="264" customWidth="1"/>
    <col min="14094" max="14325" width="9.140625" style="264"/>
    <col min="14326" max="14326" width="32" style="264" customWidth="1"/>
    <col min="14327" max="14327" width="9.140625" style="264"/>
    <col min="14328" max="14328" width="9.140625" style="264" customWidth="1"/>
    <col min="14329" max="14329" width="9.140625" style="264"/>
    <col min="14330" max="14330" width="9.140625" style="264" customWidth="1"/>
    <col min="14331" max="14331" width="7" style="264" customWidth="1"/>
    <col min="14332" max="14332" width="9.140625" style="264" customWidth="1"/>
    <col min="14333" max="14333" width="7.42578125" style="264" customWidth="1"/>
    <col min="14334" max="14334" width="9.140625" style="264" customWidth="1"/>
    <col min="14335" max="14335" width="7.42578125" style="264" customWidth="1"/>
    <col min="14336" max="14337" width="9.140625" style="264" customWidth="1"/>
    <col min="14338" max="14338" width="7.42578125" style="264" customWidth="1"/>
    <col min="14339" max="14339" width="9.140625" style="264" customWidth="1"/>
    <col min="14340" max="14340" width="7.85546875" style="264" customWidth="1"/>
    <col min="14341" max="14342" width="9.140625" style="264" customWidth="1"/>
    <col min="14343" max="14343" width="7.7109375" style="264" customWidth="1"/>
    <col min="14344" max="14344" width="9.140625" style="264" customWidth="1"/>
    <col min="14345" max="14345" width="7.5703125" style="264" customWidth="1"/>
    <col min="14346" max="14346" width="9.140625" style="264" customWidth="1"/>
    <col min="14347" max="14348" width="7.7109375" style="264" customWidth="1"/>
    <col min="14349" max="14349" width="8" style="264" customWidth="1"/>
    <col min="14350" max="14581" width="9.140625" style="264"/>
    <col min="14582" max="14582" width="32" style="264" customWidth="1"/>
    <col min="14583" max="14583" width="9.140625" style="264"/>
    <col min="14584" max="14584" width="9.140625" style="264" customWidth="1"/>
    <col min="14585" max="14585" width="9.140625" style="264"/>
    <col min="14586" max="14586" width="9.140625" style="264" customWidth="1"/>
    <col min="14587" max="14587" width="7" style="264" customWidth="1"/>
    <col min="14588" max="14588" width="9.140625" style="264" customWidth="1"/>
    <col min="14589" max="14589" width="7.42578125" style="264" customWidth="1"/>
    <col min="14590" max="14590" width="9.140625" style="264" customWidth="1"/>
    <col min="14591" max="14591" width="7.42578125" style="264" customWidth="1"/>
    <col min="14592" max="14593" width="9.140625" style="264" customWidth="1"/>
    <col min="14594" max="14594" width="7.42578125" style="264" customWidth="1"/>
    <col min="14595" max="14595" width="9.140625" style="264" customWidth="1"/>
    <col min="14596" max="14596" width="7.85546875" style="264" customWidth="1"/>
    <col min="14597" max="14598" width="9.140625" style="264" customWidth="1"/>
    <col min="14599" max="14599" width="7.7109375" style="264" customWidth="1"/>
    <col min="14600" max="14600" width="9.140625" style="264" customWidth="1"/>
    <col min="14601" max="14601" width="7.5703125" style="264" customWidth="1"/>
    <col min="14602" max="14602" width="9.140625" style="264" customWidth="1"/>
    <col min="14603" max="14604" width="7.7109375" style="264" customWidth="1"/>
    <col min="14605" max="14605" width="8" style="264" customWidth="1"/>
    <col min="14606" max="14837" width="9.140625" style="264"/>
    <col min="14838" max="14838" width="32" style="264" customWidth="1"/>
    <col min="14839" max="14839" width="9.140625" style="264"/>
    <col min="14840" max="14840" width="9.140625" style="264" customWidth="1"/>
    <col min="14841" max="14841" width="9.140625" style="264"/>
    <col min="14842" max="14842" width="9.140625" style="264" customWidth="1"/>
    <col min="14843" max="14843" width="7" style="264" customWidth="1"/>
    <col min="14844" max="14844" width="9.140625" style="264" customWidth="1"/>
    <col min="14845" max="14845" width="7.42578125" style="264" customWidth="1"/>
    <col min="14846" max="14846" width="9.140625" style="264" customWidth="1"/>
    <col min="14847" max="14847" width="7.42578125" style="264" customWidth="1"/>
    <col min="14848" max="14849" width="9.140625" style="264" customWidth="1"/>
    <col min="14850" max="14850" width="7.42578125" style="264" customWidth="1"/>
    <col min="14851" max="14851" width="9.140625" style="264" customWidth="1"/>
    <col min="14852" max="14852" width="7.85546875" style="264" customWidth="1"/>
    <col min="14853" max="14854" width="9.140625" style="264" customWidth="1"/>
    <col min="14855" max="14855" width="7.7109375" style="264" customWidth="1"/>
    <col min="14856" max="14856" width="9.140625" style="264" customWidth="1"/>
    <col min="14857" max="14857" width="7.5703125" style="264" customWidth="1"/>
    <col min="14858" max="14858" width="9.140625" style="264" customWidth="1"/>
    <col min="14859" max="14860" width="7.7109375" style="264" customWidth="1"/>
    <col min="14861" max="14861" width="8" style="264" customWidth="1"/>
    <col min="14862" max="15093" width="9.140625" style="264"/>
    <col min="15094" max="15094" width="32" style="264" customWidth="1"/>
    <col min="15095" max="15095" width="9.140625" style="264"/>
    <col min="15096" max="15096" width="9.140625" style="264" customWidth="1"/>
    <col min="15097" max="15097" width="9.140625" style="264"/>
    <col min="15098" max="15098" width="9.140625" style="264" customWidth="1"/>
    <col min="15099" max="15099" width="7" style="264" customWidth="1"/>
    <col min="15100" max="15100" width="9.140625" style="264" customWidth="1"/>
    <col min="15101" max="15101" width="7.42578125" style="264" customWidth="1"/>
    <col min="15102" max="15102" width="9.140625" style="264" customWidth="1"/>
    <col min="15103" max="15103" width="7.42578125" style="264" customWidth="1"/>
    <col min="15104" max="15105" width="9.140625" style="264" customWidth="1"/>
    <col min="15106" max="15106" width="7.42578125" style="264" customWidth="1"/>
    <col min="15107" max="15107" width="9.140625" style="264" customWidth="1"/>
    <col min="15108" max="15108" width="7.85546875" style="264" customWidth="1"/>
    <col min="15109" max="15110" width="9.140625" style="264" customWidth="1"/>
    <col min="15111" max="15111" width="7.7109375" style="264" customWidth="1"/>
    <col min="15112" max="15112" width="9.140625" style="264" customWidth="1"/>
    <col min="15113" max="15113" width="7.5703125" style="264" customWidth="1"/>
    <col min="15114" max="15114" width="9.140625" style="264" customWidth="1"/>
    <col min="15115" max="15116" width="7.7109375" style="264" customWidth="1"/>
    <col min="15117" max="15117" width="8" style="264" customWidth="1"/>
    <col min="15118" max="15349" width="9.140625" style="264"/>
    <col min="15350" max="15350" width="32" style="264" customWidth="1"/>
    <col min="15351" max="15351" width="9.140625" style="264"/>
    <col min="15352" max="15352" width="9.140625" style="264" customWidth="1"/>
    <col min="15353" max="15353" width="9.140625" style="264"/>
    <col min="15354" max="15354" width="9.140625" style="264" customWidth="1"/>
    <col min="15355" max="15355" width="7" style="264" customWidth="1"/>
    <col min="15356" max="15356" width="9.140625" style="264" customWidth="1"/>
    <col min="15357" max="15357" width="7.42578125" style="264" customWidth="1"/>
    <col min="15358" max="15358" width="9.140625" style="264" customWidth="1"/>
    <col min="15359" max="15359" width="7.42578125" style="264" customWidth="1"/>
    <col min="15360" max="15361" width="9.140625" style="264" customWidth="1"/>
    <col min="15362" max="15362" width="7.42578125" style="264" customWidth="1"/>
    <col min="15363" max="15363" width="9.140625" style="264" customWidth="1"/>
    <col min="15364" max="15364" width="7.85546875" style="264" customWidth="1"/>
    <col min="15365" max="15366" width="9.140625" style="264" customWidth="1"/>
    <col min="15367" max="15367" width="7.7109375" style="264" customWidth="1"/>
    <col min="15368" max="15368" width="9.140625" style="264" customWidth="1"/>
    <col min="15369" max="15369" width="7.5703125" style="264" customWidth="1"/>
    <col min="15370" max="15370" width="9.140625" style="264" customWidth="1"/>
    <col min="15371" max="15372" width="7.7109375" style="264" customWidth="1"/>
    <col min="15373" max="15373" width="8" style="264" customWidth="1"/>
    <col min="15374" max="15605" width="9.140625" style="264"/>
    <col min="15606" max="15606" width="32" style="264" customWidth="1"/>
    <col min="15607" max="15607" width="9.140625" style="264"/>
    <col min="15608" max="15608" width="9.140625" style="264" customWidth="1"/>
    <col min="15609" max="15609" width="9.140625" style="264"/>
    <col min="15610" max="15610" width="9.140625" style="264" customWidth="1"/>
    <col min="15611" max="15611" width="7" style="264" customWidth="1"/>
    <col min="15612" max="15612" width="9.140625" style="264" customWidth="1"/>
    <col min="15613" max="15613" width="7.42578125" style="264" customWidth="1"/>
    <col min="15614" max="15614" width="9.140625" style="264" customWidth="1"/>
    <col min="15615" max="15615" width="7.42578125" style="264" customWidth="1"/>
    <col min="15616" max="15617" width="9.140625" style="264" customWidth="1"/>
    <col min="15618" max="15618" width="7.42578125" style="264" customWidth="1"/>
    <col min="15619" max="15619" width="9.140625" style="264" customWidth="1"/>
    <col min="15620" max="15620" width="7.85546875" style="264" customWidth="1"/>
    <col min="15621" max="15622" width="9.140625" style="264" customWidth="1"/>
    <col min="15623" max="15623" width="7.7109375" style="264" customWidth="1"/>
    <col min="15624" max="15624" width="9.140625" style="264" customWidth="1"/>
    <col min="15625" max="15625" width="7.5703125" style="264" customWidth="1"/>
    <col min="15626" max="15626" width="9.140625" style="264" customWidth="1"/>
    <col min="15627" max="15628" width="7.7109375" style="264" customWidth="1"/>
    <col min="15629" max="15629" width="8" style="264" customWidth="1"/>
    <col min="15630" max="15861" width="9.140625" style="264"/>
    <col min="15862" max="15862" width="32" style="264" customWidth="1"/>
    <col min="15863" max="15863" width="9.140625" style="264"/>
    <col min="15864" max="15864" width="9.140625" style="264" customWidth="1"/>
    <col min="15865" max="15865" width="9.140625" style="264"/>
    <col min="15866" max="15866" width="9.140625" style="264" customWidth="1"/>
    <col min="15867" max="15867" width="7" style="264" customWidth="1"/>
    <col min="15868" max="15868" width="9.140625" style="264" customWidth="1"/>
    <col min="15869" max="15869" width="7.42578125" style="264" customWidth="1"/>
    <col min="15870" max="15870" width="9.140625" style="264" customWidth="1"/>
    <col min="15871" max="15871" width="7.42578125" style="264" customWidth="1"/>
    <col min="15872" max="15873" width="9.140625" style="264" customWidth="1"/>
    <col min="15874" max="15874" width="7.42578125" style="264" customWidth="1"/>
    <col min="15875" max="15875" width="9.140625" style="264" customWidth="1"/>
    <col min="15876" max="15876" width="7.85546875" style="264" customWidth="1"/>
    <col min="15877" max="15878" width="9.140625" style="264" customWidth="1"/>
    <col min="15879" max="15879" width="7.7109375" style="264" customWidth="1"/>
    <col min="15880" max="15880" width="9.140625" style="264" customWidth="1"/>
    <col min="15881" max="15881" width="7.5703125" style="264" customWidth="1"/>
    <col min="15882" max="15882" width="9.140625" style="264" customWidth="1"/>
    <col min="15883" max="15884" width="7.7109375" style="264" customWidth="1"/>
    <col min="15885" max="15885" width="8" style="264" customWidth="1"/>
    <col min="15886" max="16117" width="9.140625" style="264"/>
    <col min="16118" max="16118" width="32" style="264" customWidth="1"/>
    <col min="16119" max="16119" width="9.140625" style="264"/>
    <col min="16120" max="16120" width="9.140625" style="264" customWidth="1"/>
    <col min="16121" max="16121" width="9.140625" style="264"/>
    <col min="16122" max="16122" width="9.140625" style="264" customWidth="1"/>
    <col min="16123" max="16123" width="7" style="264" customWidth="1"/>
    <col min="16124" max="16124" width="9.140625" style="264" customWidth="1"/>
    <col min="16125" max="16125" width="7.42578125" style="264" customWidth="1"/>
    <col min="16126" max="16126" width="9.140625" style="264" customWidth="1"/>
    <col min="16127" max="16127" width="7.42578125" style="264" customWidth="1"/>
    <col min="16128" max="16129" width="9.140625" style="264" customWidth="1"/>
    <col min="16130" max="16130" width="7.42578125" style="264" customWidth="1"/>
    <col min="16131" max="16131" width="9.140625" style="264" customWidth="1"/>
    <col min="16132" max="16132" width="7.85546875" style="264" customWidth="1"/>
    <col min="16133" max="16134" width="9.140625" style="264" customWidth="1"/>
    <col min="16135" max="16135" width="7.7109375" style="264" customWidth="1"/>
    <col min="16136" max="16136" width="9.140625" style="264" customWidth="1"/>
    <col min="16137" max="16137" width="7.5703125" style="264" customWidth="1"/>
    <col min="16138" max="16138" width="9.140625" style="264" customWidth="1"/>
    <col min="16139" max="16140" width="7.7109375" style="264" customWidth="1"/>
    <col min="16141" max="16141" width="8" style="264" customWidth="1"/>
    <col min="16142" max="16384" width="9.140625" style="264"/>
  </cols>
  <sheetData>
    <row r="1" spans="1:13" ht="10.5" x14ac:dyDescent="0.2">
      <c r="A1" s="372"/>
    </row>
    <row r="3" spans="1:13" ht="11.25" customHeight="1" x14ac:dyDescent="0.2">
      <c r="A3" s="1018" t="s">
        <v>637</v>
      </c>
      <c r="B3" s="1018"/>
      <c r="C3" s="1018"/>
      <c r="D3" s="1018"/>
      <c r="E3" s="1018"/>
      <c r="F3" s="1018"/>
      <c r="G3" s="1018"/>
      <c r="H3" s="1018"/>
      <c r="I3" s="1018"/>
      <c r="J3" s="1018"/>
      <c r="K3" s="1018"/>
      <c r="L3" s="1018"/>
      <c r="M3" s="374"/>
    </row>
    <row r="4" spans="1:13" ht="11.25" customHeight="1" x14ac:dyDescent="0.2">
      <c r="A4" s="1018" t="s">
        <v>105</v>
      </c>
      <c r="B4" s="1018"/>
      <c r="C4" s="1018"/>
      <c r="D4" s="1018"/>
      <c r="E4" s="1018"/>
      <c r="F4" s="1018"/>
      <c r="G4" s="1018"/>
      <c r="H4" s="1018"/>
      <c r="I4" s="1018"/>
      <c r="J4" s="1018"/>
      <c r="K4" s="1018"/>
      <c r="L4" s="1018"/>
      <c r="M4" s="374"/>
    </row>
    <row r="5" spans="1:13" ht="11.25" customHeight="1" x14ac:dyDescent="0.2">
      <c r="A5" s="1018" t="s">
        <v>805</v>
      </c>
      <c r="B5" s="1018"/>
      <c r="C5" s="1018"/>
      <c r="D5" s="1018"/>
      <c r="E5" s="1018"/>
      <c r="F5" s="1018"/>
      <c r="G5" s="1018"/>
      <c r="H5" s="1018"/>
      <c r="I5" s="1018"/>
      <c r="J5" s="1018"/>
      <c r="K5" s="1018"/>
      <c r="L5" s="1018"/>
      <c r="M5" s="374"/>
    </row>
    <row r="6" spans="1:13" ht="11.25" customHeight="1" x14ac:dyDescent="0.2">
      <c r="A6" s="1019" t="s">
        <v>107</v>
      </c>
      <c r="B6" s="1018"/>
      <c r="C6" s="1018"/>
      <c r="D6" s="1018"/>
      <c r="E6" s="1018"/>
      <c r="F6" s="1018"/>
      <c r="G6" s="1018"/>
      <c r="H6" s="1018"/>
      <c r="I6" s="1018"/>
      <c r="J6" s="1018"/>
      <c r="K6" s="1018"/>
      <c r="L6" s="1018"/>
      <c r="M6" s="374"/>
    </row>
    <row r="7" spans="1:13" ht="11.25" customHeight="1" x14ac:dyDescent="0.2">
      <c r="A7" s="1018" t="s">
        <v>863</v>
      </c>
      <c r="B7" s="1018"/>
      <c r="C7" s="1018"/>
      <c r="D7" s="1018"/>
      <c r="E7" s="1018"/>
      <c r="F7" s="1018"/>
      <c r="G7" s="1018"/>
      <c r="H7" s="1018"/>
      <c r="I7" s="1018"/>
      <c r="J7" s="1018"/>
      <c r="K7" s="1018"/>
      <c r="L7" s="1018"/>
      <c r="M7" s="374"/>
    </row>
    <row r="8" spans="1:13" ht="11.25" customHeight="1" x14ac:dyDescent="0.2">
      <c r="A8" s="1017"/>
      <c r="B8" s="1017"/>
      <c r="C8" s="1017"/>
      <c r="D8" s="1017"/>
      <c r="E8" s="1017"/>
      <c r="F8" s="1017"/>
      <c r="G8" s="1017"/>
      <c r="H8" s="1017"/>
      <c r="I8" s="1017"/>
      <c r="J8" s="1017"/>
      <c r="K8" s="1017"/>
      <c r="L8" s="1017"/>
      <c r="M8" s="374"/>
    </row>
    <row r="9" spans="1:13" ht="11.25" customHeight="1" x14ac:dyDescent="0.2">
      <c r="A9" s="1016" t="s">
        <v>806</v>
      </c>
      <c r="B9" s="1016"/>
      <c r="C9" s="1016"/>
      <c r="D9" s="1016"/>
      <c r="E9" s="373"/>
      <c r="F9" s="373"/>
      <c r="G9" s="373"/>
      <c r="H9" s="373"/>
      <c r="I9" s="373"/>
      <c r="J9" s="373"/>
      <c r="K9" s="1013">
        <v>1</v>
      </c>
      <c r="L9" s="1013"/>
      <c r="M9" s="374"/>
    </row>
    <row r="10" spans="1:13" s="217" customFormat="1" ht="12" customHeight="1" x14ac:dyDescent="0.2">
      <c r="A10" s="813" t="s">
        <v>173</v>
      </c>
      <c r="B10" s="764" t="s">
        <v>807</v>
      </c>
      <c r="C10" s="765"/>
      <c r="D10" s="766"/>
      <c r="E10" s="782" t="s">
        <v>883</v>
      </c>
      <c r="F10" s="741"/>
      <c r="G10" s="741"/>
      <c r="H10" s="741"/>
      <c r="I10" s="741"/>
      <c r="J10" s="742"/>
      <c r="K10" s="1014" t="s">
        <v>808</v>
      </c>
      <c r="L10" s="1015"/>
      <c r="M10" s="374"/>
    </row>
    <row r="11" spans="1:13" s="217" customFormat="1" ht="11.25" customHeight="1" x14ac:dyDescent="0.2">
      <c r="A11" s="800"/>
      <c r="B11" s="799" t="s">
        <v>809</v>
      </c>
      <c r="C11" s="804"/>
      <c r="D11" s="769"/>
      <c r="E11" s="780" t="s">
        <v>810</v>
      </c>
      <c r="F11" s="812"/>
      <c r="G11" s="813"/>
      <c r="H11" s="780" t="s">
        <v>811</v>
      </c>
      <c r="I11" s="812"/>
      <c r="J11" s="813"/>
      <c r="K11" s="802"/>
      <c r="L11" s="804"/>
      <c r="M11" s="374"/>
    </row>
    <row r="12" spans="1:13" s="217" customFormat="1" ht="11.25" customHeight="1" x14ac:dyDescent="0.2">
      <c r="A12" s="800"/>
      <c r="B12" s="799" t="s">
        <v>812</v>
      </c>
      <c r="C12" s="804"/>
      <c r="D12" s="769"/>
      <c r="E12" s="799"/>
      <c r="F12" s="995"/>
      <c r="G12" s="800"/>
      <c r="H12" s="799"/>
      <c r="I12" s="995"/>
      <c r="J12" s="800"/>
      <c r="K12" s="799" t="s">
        <v>813</v>
      </c>
      <c r="L12" s="995"/>
      <c r="M12" s="374"/>
    </row>
    <row r="13" spans="1:13" s="217" customFormat="1" ht="21" customHeight="1" x14ac:dyDescent="0.2">
      <c r="A13" s="801"/>
      <c r="B13" s="781" t="s">
        <v>116</v>
      </c>
      <c r="C13" s="833"/>
      <c r="D13" s="770"/>
      <c r="E13" s="781"/>
      <c r="F13" s="814"/>
      <c r="G13" s="801"/>
      <c r="H13" s="833" t="s">
        <v>117</v>
      </c>
      <c r="I13" s="833"/>
      <c r="J13" s="770"/>
      <c r="K13" s="781"/>
      <c r="L13" s="814"/>
      <c r="M13" s="374"/>
    </row>
    <row r="14" spans="1:13" s="155" customFormat="1" ht="11.25" customHeight="1" x14ac:dyDescent="0.2">
      <c r="A14" s="375" t="s">
        <v>814</v>
      </c>
      <c r="B14" s="1000"/>
      <c r="C14" s="1001"/>
      <c r="D14" s="1002"/>
      <c r="E14" s="1001"/>
      <c r="F14" s="1001"/>
      <c r="G14" s="1002"/>
      <c r="H14" s="1001"/>
      <c r="I14" s="1001"/>
      <c r="J14" s="1002"/>
      <c r="K14" s="1000"/>
      <c r="L14" s="1001"/>
      <c r="M14" s="376"/>
    </row>
    <row r="15" spans="1:13" s="217" customFormat="1" ht="11.25" customHeight="1" x14ac:dyDescent="0.2">
      <c r="A15" s="54" t="s">
        <v>815</v>
      </c>
      <c r="B15" s="1003"/>
      <c r="C15" s="1004"/>
      <c r="D15" s="1005"/>
      <c r="E15" s="1006"/>
      <c r="F15" s="1004"/>
      <c r="G15" s="1005"/>
      <c r="H15" s="1006"/>
      <c r="I15" s="1004"/>
      <c r="J15" s="1005"/>
      <c r="K15" s="1003"/>
      <c r="L15" s="1006"/>
      <c r="M15" s="374"/>
    </row>
    <row r="16" spans="1:13" s="217" customFormat="1" ht="11.25" customHeight="1" x14ac:dyDescent="0.2">
      <c r="A16" s="54" t="s">
        <v>816</v>
      </c>
      <c r="B16" s="1003"/>
      <c r="C16" s="1004"/>
      <c r="D16" s="1005"/>
      <c r="E16" s="1006"/>
      <c r="F16" s="1004"/>
      <c r="G16" s="1005"/>
      <c r="H16" s="1006"/>
      <c r="I16" s="1004"/>
      <c r="J16" s="1005"/>
      <c r="K16" s="1003"/>
      <c r="L16" s="1006"/>
      <c r="M16" s="374"/>
    </row>
    <row r="17" spans="1:13" s="217" customFormat="1" ht="11.25" customHeight="1" x14ac:dyDescent="0.2">
      <c r="A17" s="54" t="s">
        <v>817</v>
      </c>
      <c r="B17" s="997"/>
      <c r="C17" s="998"/>
      <c r="D17" s="999"/>
      <c r="E17" s="998"/>
      <c r="F17" s="998"/>
      <c r="G17" s="999"/>
      <c r="H17" s="998"/>
      <c r="I17" s="998"/>
      <c r="J17" s="999"/>
      <c r="K17" s="997"/>
      <c r="L17" s="998"/>
      <c r="M17" s="374"/>
    </row>
    <row r="18" spans="1:13" s="155" customFormat="1" ht="11.25" customHeight="1" x14ac:dyDescent="0.2">
      <c r="A18" s="375" t="s">
        <v>818</v>
      </c>
      <c r="B18" s="1000"/>
      <c r="C18" s="1001"/>
      <c r="D18" s="1002"/>
      <c r="E18" s="1001"/>
      <c r="F18" s="1001"/>
      <c r="G18" s="1002"/>
      <c r="H18" s="1001"/>
      <c r="I18" s="1001"/>
      <c r="J18" s="1002"/>
      <c r="K18" s="1000"/>
      <c r="L18" s="1001"/>
      <c r="M18" s="376"/>
    </row>
    <row r="19" spans="1:13" s="217" customFormat="1" ht="11.25" customHeight="1" x14ac:dyDescent="0.2">
      <c r="A19" s="54" t="s">
        <v>819</v>
      </c>
      <c r="B19" s="1003"/>
      <c r="C19" s="1004"/>
      <c r="D19" s="1005"/>
      <c r="E19" s="1006"/>
      <c r="F19" s="1004"/>
      <c r="G19" s="1005"/>
      <c r="H19" s="1006"/>
      <c r="I19" s="1004"/>
      <c r="J19" s="1005"/>
      <c r="K19" s="1003"/>
      <c r="L19" s="1006"/>
      <c r="M19" s="374"/>
    </row>
    <row r="20" spans="1:13" s="217" customFormat="1" ht="11.25" customHeight="1" x14ac:dyDescent="0.2">
      <c r="A20" s="54" t="s">
        <v>820</v>
      </c>
      <c r="B20" s="1003"/>
      <c r="C20" s="1004"/>
      <c r="D20" s="1005"/>
      <c r="E20" s="1006"/>
      <c r="F20" s="1004"/>
      <c r="G20" s="1005"/>
      <c r="H20" s="1006"/>
      <c r="I20" s="1004"/>
      <c r="J20" s="1005"/>
      <c r="K20" s="1003"/>
      <c r="L20" s="1006"/>
      <c r="M20" s="374"/>
    </row>
    <row r="21" spans="1:13" s="217" customFormat="1" ht="11.25" customHeight="1" x14ac:dyDescent="0.2">
      <c r="A21" s="54" t="s">
        <v>821</v>
      </c>
      <c r="B21" s="997"/>
      <c r="C21" s="998"/>
      <c r="D21" s="999"/>
      <c r="E21" s="998"/>
      <c r="F21" s="998"/>
      <c r="G21" s="999"/>
      <c r="H21" s="998"/>
      <c r="I21" s="998"/>
      <c r="J21" s="999"/>
      <c r="K21" s="997"/>
      <c r="L21" s="998"/>
      <c r="M21" s="374"/>
    </row>
    <row r="22" spans="1:13" s="217" customFormat="1" ht="11.25" customHeight="1" x14ac:dyDescent="0.2">
      <c r="A22" s="377" t="s">
        <v>822</v>
      </c>
      <c r="B22" s="1010"/>
      <c r="C22" s="1011"/>
      <c r="D22" s="1012"/>
      <c r="E22" s="1011"/>
      <c r="F22" s="1011"/>
      <c r="G22" s="1012"/>
      <c r="H22" s="1011"/>
      <c r="I22" s="1011"/>
      <c r="J22" s="1012"/>
      <c r="K22" s="1010"/>
      <c r="L22" s="1011"/>
      <c r="M22" s="374"/>
    </row>
    <row r="23" spans="1:13" s="217" customFormat="1" ht="11.25" customHeight="1" x14ac:dyDescent="0.2">
      <c r="A23" s="378" t="s">
        <v>823</v>
      </c>
      <c r="B23" s="1010"/>
      <c r="C23" s="1011"/>
      <c r="D23" s="1012"/>
      <c r="E23" s="1011"/>
      <c r="F23" s="1011"/>
      <c r="G23" s="1012"/>
      <c r="H23" s="1011"/>
      <c r="I23" s="1011"/>
      <c r="J23" s="1012"/>
      <c r="K23" s="1010"/>
      <c r="L23" s="1011"/>
      <c r="M23" s="374"/>
    </row>
    <row r="24" spans="1:13" s="217" customFormat="1" ht="11.25" customHeight="1" x14ac:dyDescent="0.2">
      <c r="A24" s="379" t="s">
        <v>824</v>
      </c>
      <c r="B24" s="1007"/>
      <c r="C24" s="1008"/>
      <c r="D24" s="1009"/>
      <c r="E24" s="1008"/>
      <c r="F24" s="1008"/>
      <c r="G24" s="1009"/>
      <c r="H24" s="1008"/>
      <c r="I24" s="1008"/>
      <c r="J24" s="1009"/>
      <c r="K24" s="1007"/>
      <c r="L24" s="1008"/>
      <c r="M24" s="374"/>
    </row>
    <row r="25" spans="1:13" s="217" customFormat="1" ht="11.25" customHeight="1" x14ac:dyDescent="0.2">
      <c r="A25" s="54" t="s">
        <v>825</v>
      </c>
      <c r="B25" s="1003"/>
      <c r="C25" s="1004"/>
      <c r="D25" s="1005"/>
      <c r="E25" s="1006"/>
      <c r="F25" s="1004"/>
      <c r="G25" s="1005"/>
      <c r="H25" s="1006"/>
      <c r="I25" s="1004"/>
      <c r="J25" s="1005"/>
      <c r="K25" s="1003"/>
      <c r="L25" s="1006"/>
      <c r="M25" s="374"/>
    </row>
    <row r="26" spans="1:13" s="217" customFormat="1" ht="11.25" customHeight="1" x14ac:dyDescent="0.2">
      <c r="A26" s="54" t="s">
        <v>826</v>
      </c>
      <c r="B26" s="1003"/>
      <c r="C26" s="1004"/>
      <c r="D26" s="1005"/>
      <c r="E26" s="1006"/>
      <c r="F26" s="1004"/>
      <c r="G26" s="1005"/>
      <c r="H26" s="1006"/>
      <c r="I26" s="1004"/>
      <c r="J26" s="1005"/>
      <c r="K26" s="1003"/>
      <c r="L26" s="1006"/>
      <c r="M26" s="374"/>
    </row>
    <row r="27" spans="1:13" s="217" customFormat="1" ht="11.25" customHeight="1" x14ac:dyDescent="0.2">
      <c r="A27" s="380" t="s">
        <v>827</v>
      </c>
      <c r="B27" s="997"/>
      <c r="C27" s="998"/>
      <c r="D27" s="999"/>
      <c r="E27" s="998"/>
      <c r="F27" s="998"/>
      <c r="G27" s="999"/>
      <c r="H27" s="998"/>
      <c r="I27" s="998"/>
      <c r="J27" s="999"/>
      <c r="K27" s="997"/>
      <c r="L27" s="998"/>
      <c r="M27" s="374"/>
    </row>
    <row r="28" spans="1:13" s="155" customFormat="1" ht="11.25" customHeight="1" x14ac:dyDescent="0.2">
      <c r="A28" s="379" t="s">
        <v>828</v>
      </c>
      <c r="B28" s="1000"/>
      <c r="C28" s="1001"/>
      <c r="D28" s="1002"/>
      <c r="E28" s="1001"/>
      <c r="F28" s="1001"/>
      <c r="G28" s="1002"/>
      <c r="H28" s="1001"/>
      <c r="I28" s="1001"/>
      <c r="J28" s="1002"/>
      <c r="K28" s="1000"/>
      <c r="L28" s="1001"/>
      <c r="M28" s="376"/>
    </row>
    <row r="29" spans="1:13" s="217" customFormat="1" ht="11.25" customHeight="1" x14ac:dyDescent="0.2">
      <c r="A29" s="54" t="s">
        <v>829</v>
      </c>
      <c r="B29" s="1003"/>
      <c r="C29" s="1004"/>
      <c r="D29" s="1005"/>
      <c r="E29" s="1006"/>
      <c r="F29" s="1004"/>
      <c r="G29" s="1005"/>
      <c r="H29" s="1006"/>
      <c r="I29" s="1004"/>
      <c r="J29" s="1005"/>
      <c r="K29" s="1003"/>
      <c r="L29" s="1006"/>
      <c r="M29" s="374"/>
    </row>
    <row r="30" spans="1:13" s="217" customFormat="1" ht="11.25" customHeight="1" x14ac:dyDescent="0.2">
      <c r="A30" s="380" t="s">
        <v>830</v>
      </c>
      <c r="B30" s="997"/>
      <c r="C30" s="998"/>
      <c r="D30" s="999"/>
      <c r="E30" s="998"/>
      <c r="F30" s="998"/>
      <c r="G30" s="999"/>
      <c r="H30" s="998"/>
      <c r="I30" s="998"/>
      <c r="J30" s="999"/>
      <c r="K30" s="997"/>
      <c r="L30" s="998"/>
      <c r="M30" s="374"/>
    </row>
    <row r="31" spans="1:13" ht="11.25" customHeight="1" x14ac:dyDescent="0.2">
      <c r="A31" s="381"/>
      <c r="B31" s="381"/>
      <c r="C31" s="381"/>
      <c r="D31" s="381"/>
      <c r="E31" s="373"/>
      <c r="F31" s="373"/>
      <c r="G31" s="373"/>
      <c r="H31" s="373"/>
      <c r="I31" s="373"/>
      <c r="J31" s="373"/>
      <c r="K31" s="382"/>
      <c r="L31" s="382"/>
      <c r="M31" s="374"/>
    </row>
    <row r="32" spans="1:13" ht="15" customHeight="1" x14ac:dyDescent="0.2">
      <c r="A32" s="368"/>
      <c r="B32" s="370" t="s">
        <v>831</v>
      </c>
      <c r="C32" s="370" t="s">
        <v>832</v>
      </c>
      <c r="D32" s="778">
        <v>2017</v>
      </c>
      <c r="E32" s="778">
        <v>2018</v>
      </c>
      <c r="F32" s="778">
        <v>2019</v>
      </c>
      <c r="G32" s="778">
        <v>2020</v>
      </c>
      <c r="H32" s="778">
        <v>2021</v>
      </c>
      <c r="I32" s="778">
        <v>2022</v>
      </c>
      <c r="J32" s="778">
        <v>2023</v>
      </c>
      <c r="K32" s="778">
        <v>2024</v>
      </c>
      <c r="L32" s="780">
        <v>2025</v>
      </c>
      <c r="M32" s="383"/>
    </row>
    <row r="33" spans="1:13" ht="11.25" customHeight="1" x14ac:dyDescent="0.2">
      <c r="A33" s="371" t="s">
        <v>833</v>
      </c>
      <c r="B33" s="366" t="s">
        <v>834</v>
      </c>
      <c r="C33" s="366" t="s">
        <v>835</v>
      </c>
      <c r="D33" s="996"/>
      <c r="E33" s="996"/>
      <c r="F33" s="991"/>
      <c r="G33" s="991"/>
      <c r="H33" s="991"/>
      <c r="I33" s="991"/>
      <c r="J33" s="991"/>
      <c r="K33" s="991"/>
      <c r="L33" s="993"/>
      <c r="M33" s="383"/>
    </row>
    <row r="34" spans="1:13" ht="15" customHeight="1" x14ac:dyDescent="0.2">
      <c r="A34" s="369"/>
      <c r="B34" s="367"/>
      <c r="C34" s="367">
        <v>2016</v>
      </c>
      <c r="D34" s="779"/>
      <c r="E34" s="779"/>
      <c r="F34" s="992"/>
      <c r="G34" s="992"/>
      <c r="H34" s="992"/>
      <c r="I34" s="992"/>
      <c r="J34" s="992"/>
      <c r="K34" s="992"/>
      <c r="L34" s="994"/>
      <c r="M34" s="383"/>
    </row>
    <row r="35" spans="1:13" ht="11.25" customHeight="1" x14ac:dyDescent="0.2">
      <c r="A35" s="264" t="s">
        <v>836</v>
      </c>
      <c r="B35" s="614"/>
      <c r="C35" s="614"/>
      <c r="D35" s="614"/>
      <c r="E35" s="614"/>
      <c r="F35" s="614"/>
      <c r="G35" s="614"/>
      <c r="H35" s="614"/>
      <c r="I35" s="614"/>
      <c r="J35" s="614"/>
      <c r="K35" s="615"/>
      <c r="L35" s="616"/>
      <c r="M35" s="384"/>
    </row>
    <row r="36" spans="1:13" ht="11.25" customHeight="1" x14ac:dyDescent="0.2">
      <c r="A36" s="54"/>
      <c r="B36" s="614"/>
      <c r="C36" s="614"/>
      <c r="D36" s="614"/>
      <c r="E36" s="614"/>
      <c r="F36" s="614"/>
      <c r="G36" s="614"/>
      <c r="H36" s="614"/>
      <c r="I36" s="614"/>
      <c r="J36" s="614"/>
      <c r="K36" s="615"/>
      <c r="L36" s="616"/>
      <c r="M36" s="384"/>
    </row>
    <row r="37" spans="1:13" ht="11.25" customHeight="1" x14ac:dyDescent="0.2">
      <c r="A37" s="264" t="s">
        <v>837</v>
      </c>
      <c r="B37" s="614"/>
      <c r="C37" s="614"/>
      <c r="D37" s="614"/>
      <c r="E37" s="614"/>
      <c r="F37" s="614"/>
      <c r="G37" s="614"/>
      <c r="H37" s="614"/>
      <c r="I37" s="614"/>
      <c r="J37" s="614"/>
      <c r="K37" s="615"/>
      <c r="L37" s="616"/>
      <c r="M37" s="384"/>
    </row>
    <row r="38" spans="1:13" ht="11.25" customHeight="1" x14ac:dyDescent="0.2">
      <c r="A38" s="54"/>
      <c r="B38" s="614"/>
      <c r="C38" s="614"/>
      <c r="D38" s="614"/>
      <c r="E38" s="614"/>
      <c r="F38" s="614"/>
      <c r="G38" s="614"/>
      <c r="H38" s="614"/>
      <c r="I38" s="614"/>
      <c r="J38" s="614"/>
      <c r="K38" s="615"/>
      <c r="L38" s="616"/>
      <c r="M38" s="384"/>
    </row>
    <row r="39" spans="1:13" ht="11.25" customHeight="1" x14ac:dyDescent="0.2">
      <c r="A39" s="377" t="s">
        <v>838</v>
      </c>
      <c r="B39" s="479"/>
      <c r="C39" s="479"/>
      <c r="D39" s="479"/>
      <c r="E39" s="479"/>
      <c r="F39" s="479"/>
      <c r="G39" s="479"/>
      <c r="H39" s="479"/>
      <c r="I39" s="479"/>
      <c r="J39" s="479"/>
      <c r="K39" s="617"/>
      <c r="L39" s="618"/>
      <c r="M39" s="384"/>
    </row>
    <row r="40" spans="1:13" ht="15.75" customHeight="1" x14ac:dyDescent="0.2">
      <c r="A40" s="378" t="s">
        <v>839</v>
      </c>
      <c r="B40" s="479"/>
      <c r="C40" s="479">
        <v>8532799151.6200008</v>
      </c>
      <c r="D40" s="479"/>
      <c r="E40" s="479"/>
      <c r="F40" s="479"/>
      <c r="G40" s="479"/>
      <c r="H40" s="479"/>
      <c r="I40" s="479"/>
      <c r="J40" s="479"/>
      <c r="K40" s="619"/>
      <c r="L40" s="618"/>
      <c r="M40" s="384"/>
    </row>
    <row r="41" spans="1:13" ht="11.25" customHeight="1" x14ac:dyDescent="0.2">
      <c r="A41" s="378" t="s">
        <v>840</v>
      </c>
      <c r="B41" s="479"/>
      <c r="C41" s="479"/>
      <c r="D41" s="479"/>
      <c r="E41" s="479"/>
      <c r="F41" s="479"/>
      <c r="G41" s="479"/>
      <c r="H41" s="479"/>
      <c r="I41" s="479"/>
      <c r="J41" s="479"/>
      <c r="K41" s="619"/>
      <c r="L41" s="618"/>
      <c r="M41" s="384"/>
    </row>
    <row r="42" spans="1:13" ht="11.25" customHeight="1" x14ac:dyDescent="0.2">
      <c r="A42" s="385" t="s">
        <v>841</v>
      </c>
      <c r="B42" s="386"/>
      <c r="C42" s="386"/>
      <c r="D42" s="386"/>
      <c r="E42" s="386"/>
      <c r="F42" s="386"/>
      <c r="G42" s="386"/>
      <c r="H42" s="386"/>
      <c r="I42" s="386"/>
      <c r="J42" s="386"/>
      <c r="K42" s="386"/>
      <c r="L42" s="386"/>
      <c r="M42" s="387"/>
    </row>
    <row r="43" spans="1:13" ht="10.5" x14ac:dyDescent="0.2">
      <c r="A43" s="101" t="s">
        <v>848</v>
      </c>
      <c r="B43" s="17"/>
      <c r="C43" s="17"/>
      <c r="D43" s="17"/>
      <c r="E43" s="17"/>
      <c r="F43" s="17"/>
      <c r="G43" s="17"/>
      <c r="H43" s="17"/>
      <c r="I43" s="17"/>
      <c r="J43" s="990"/>
      <c r="K43" s="990"/>
      <c r="L43" s="990"/>
      <c r="M43" s="56"/>
    </row>
    <row r="44" spans="1:13" ht="11.25" customHeight="1" x14ac:dyDescent="0.2">
      <c r="A44" s="217"/>
    </row>
    <row r="52" s="45" customFormat="1" ht="11.25" customHeight="1" x14ac:dyDescent="0.2"/>
    <row r="53" s="45" customFormat="1" ht="11.25" customHeight="1" x14ac:dyDescent="0.2"/>
    <row r="54" s="45" customFormat="1" ht="11.25" customHeight="1" x14ac:dyDescent="0.2"/>
    <row r="55" s="45" customFormat="1" ht="11.25" customHeight="1" x14ac:dyDescent="0.2"/>
    <row r="56" s="45" customFormat="1" ht="11.25" customHeight="1" x14ac:dyDescent="0.2"/>
    <row r="57" s="45" customFormat="1" ht="11.25" customHeight="1" x14ac:dyDescent="0.2"/>
    <row r="58" s="45" customFormat="1" ht="11.25" customHeight="1" x14ac:dyDescent="0.2"/>
  </sheetData>
  <customSheetViews>
    <customSheetView guid="{C779D862-DE28-46CD-A428-4AAA1056D1E1}" showPageBreaks="1" showGridLines="0" fitToPage="1" printArea="1">
      <selection activeCell="E126" sqref="E126"/>
      <pageMargins left="0.19685039370078741" right="0.19685039370078741" top="0.59055118110236227" bottom="0.19685039370078741" header="0" footer="0"/>
      <printOptions horizontalCentered="1"/>
      <pageSetup paperSize="9" scale="70" orientation="portrait" r:id="rId1"/>
    </customSheetView>
    <customSheetView guid="{B467DF90-BD78-4523-834B-7425556A2F17}" showPageBreaks="1" showGridLines="0" fitToPage="1" printArea="1">
      <selection activeCell="E126" sqref="E126"/>
      <pageMargins left="0.19685039370078741" right="0.19685039370078741" top="0.59055118110236227" bottom="0.19685039370078741" header="0" footer="0"/>
      <printOptions horizontalCentered="1"/>
      <pageSetup paperSize="9" scale="71" orientation="portrait" r:id="rId2"/>
    </customSheetView>
    <customSheetView guid="{3AAF6A5F-F9AA-430B-9AD9-1261ECDF41B5}" showPageBreaks="1" showGridLines="0" fitToPage="1" printArea="1" topLeftCell="A37">
      <selection activeCell="E126" sqref="E126"/>
      <pageMargins left="0.19685039370078741" right="0.19685039370078741" top="0.59055118110236227" bottom="0.19685039370078741" header="0" footer="0"/>
      <printOptions horizontalCentered="1"/>
      <pageSetup paperSize="9" scale="70" orientation="portrait" r:id="rId3"/>
    </customSheetView>
    <customSheetView guid="{25EF1E0D-169B-4051-B414-7E1196FC05E4}" showPageBreaks="1" showGridLines="0" fitToPage="1" printArea="1">
      <selection activeCell="E126" sqref="E126"/>
      <pageMargins left="0.19685039370078741" right="0.19685039370078741" top="0.59055118110236227" bottom="0.19685039370078741" header="0" footer="0"/>
      <printOptions horizontalCentered="1"/>
      <pageSetup paperSize="9" scale="71" orientation="portrait" r:id="rId4"/>
    </customSheetView>
    <customSheetView guid="{6DBFA32C-4AA4-4E1D-9A48-697377C64CC3}" showPageBreaks="1" showGridLines="0" fitToPage="1" printArea="1" topLeftCell="A22">
      <selection activeCell="C40" sqref="C40"/>
      <pageMargins left="0.19685039370078741" right="0.19685039370078741" top="0.59055118110236227" bottom="0.19685039370078741" header="0" footer="0"/>
      <printOptions horizontalCentered="1"/>
      <pageSetup paperSize="9" scale="71" orientation="portrait" r:id="rId5"/>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6"/>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7"/>
    </customSheetView>
  </customSheetViews>
  <mergeCells count="97">
    <mergeCell ref="A8:L8"/>
    <mergeCell ref="A3:L3"/>
    <mergeCell ref="A4:L4"/>
    <mergeCell ref="A5:L5"/>
    <mergeCell ref="A6:L6"/>
    <mergeCell ref="A7:L7"/>
    <mergeCell ref="B12:D12"/>
    <mergeCell ref="B13:D13"/>
    <mergeCell ref="H13:J13"/>
    <mergeCell ref="K9:L9"/>
    <mergeCell ref="B10:D10"/>
    <mergeCell ref="E10:J10"/>
    <mergeCell ref="K10:L11"/>
    <mergeCell ref="B11:D11"/>
    <mergeCell ref="A9:D9"/>
    <mergeCell ref="B14:D14"/>
    <mergeCell ref="E14:G14"/>
    <mergeCell ref="H14:J14"/>
    <mergeCell ref="K14:L14"/>
    <mergeCell ref="B15:D15"/>
    <mergeCell ref="E15:G15"/>
    <mergeCell ref="H15:J15"/>
    <mergeCell ref="K15:L15"/>
    <mergeCell ref="B16:D16"/>
    <mergeCell ref="E16:G16"/>
    <mergeCell ref="H16:J16"/>
    <mergeCell ref="K16:L16"/>
    <mergeCell ref="B17:D17"/>
    <mergeCell ref="E17:G17"/>
    <mergeCell ref="H17:J17"/>
    <mergeCell ref="K17:L17"/>
    <mergeCell ref="B18:D18"/>
    <mergeCell ref="E18:G18"/>
    <mergeCell ref="H18:J18"/>
    <mergeCell ref="K18:L18"/>
    <mergeCell ref="B19:D19"/>
    <mergeCell ref="E19:G19"/>
    <mergeCell ref="H19:J19"/>
    <mergeCell ref="K19:L19"/>
    <mergeCell ref="B20:D20"/>
    <mergeCell ref="E20:G20"/>
    <mergeCell ref="H20:J20"/>
    <mergeCell ref="K20:L20"/>
    <mergeCell ref="B21:D21"/>
    <mergeCell ref="E21:G21"/>
    <mergeCell ref="H21:J21"/>
    <mergeCell ref="K21:L21"/>
    <mergeCell ref="B22:D22"/>
    <mergeCell ref="E22:G22"/>
    <mergeCell ref="H22:J22"/>
    <mergeCell ref="K22:L22"/>
    <mergeCell ref="B23:D23"/>
    <mergeCell ref="E23:G23"/>
    <mergeCell ref="H23:J23"/>
    <mergeCell ref="K23:L23"/>
    <mergeCell ref="B24:D24"/>
    <mergeCell ref="E24:G24"/>
    <mergeCell ref="H24:J24"/>
    <mergeCell ref="K24:L24"/>
    <mergeCell ref="B25:D25"/>
    <mergeCell ref="E25:G25"/>
    <mergeCell ref="H25:J25"/>
    <mergeCell ref="K25:L25"/>
    <mergeCell ref="B26:D26"/>
    <mergeCell ref="E26:G26"/>
    <mergeCell ref="H26:J26"/>
    <mergeCell ref="K26:L26"/>
    <mergeCell ref="B27:D27"/>
    <mergeCell ref="E27:G27"/>
    <mergeCell ref="H27:J27"/>
    <mergeCell ref="K27:L27"/>
    <mergeCell ref="H30:J30"/>
    <mergeCell ref="K30:L30"/>
    <mergeCell ref="B28:D28"/>
    <mergeCell ref="E28:G28"/>
    <mergeCell ref="H28:J28"/>
    <mergeCell ref="K28:L28"/>
    <mergeCell ref="B29:D29"/>
    <mergeCell ref="E29:G29"/>
    <mergeCell ref="H29:J29"/>
    <mergeCell ref="K29:L29"/>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s>
  <printOptions horizontalCentered="1"/>
  <pageMargins left="0.19685039370078741" right="0.19685039370078741" top="0.59055118110236227" bottom="0.19685039370078741" header="0" footer="0"/>
  <pageSetup paperSize="9" scale="71" orientation="portrait" r:id="rId8"/>
  <drawing r:id="rId9"/>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pageSetUpPr fitToPage="1"/>
  </sheetPr>
  <dimension ref="A1:U113"/>
  <sheetViews>
    <sheetView showGridLines="0" zoomScaleNormal="100" workbookViewId="0"/>
  </sheetViews>
  <sheetFormatPr defaultColWidth="1" defaultRowHeight="11.25" customHeight="1" x14ac:dyDescent="0.2"/>
  <cols>
    <col min="1" max="1" width="92.5703125" style="1" customWidth="1"/>
    <col min="2" max="2" width="18.7109375" style="1" customWidth="1"/>
    <col min="3" max="3" width="19.140625" style="67" customWidth="1"/>
    <col min="4" max="6" width="17.28515625" style="1" bestFit="1" customWidth="1"/>
    <col min="7" max="59" width="15.7109375" style="1" customWidth="1"/>
    <col min="60" max="16384" width="1" style="1"/>
  </cols>
  <sheetData>
    <row r="1" spans="1:13" s="26" customFormat="1" ht="10.5" x14ac:dyDescent="0.2">
      <c r="A1" s="291"/>
      <c r="B1" s="291"/>
      <c r="C1" s="291"/>
      <c r="D1" s="291"/>
      <c r="E1" s="291"/>
    </row>
    <row r="2" spans="1:13" s="26" customFormat="1" ht="11.25" customHeight="1" x14ac:dyDescent="0.2">
      <c r="A2" s="130"/>
    </row>
    <row r="3" spans="1:13" s="45" customFormat="1" ht="11.25" customHeight="1" x14ac:dyDescent="0.2">
      <c r="A3" s="965" t="s">
        <v>637</v>
      </c>
      <c r="B3" s="965"/>
      <c r="C3" s="965"/>
      <c r="D3" s="965"/>
      <c r="E3" s="965"/>
      <c r="F3" s="279"/>
      <c r="G3" s="279"/>
      <c r="H3" s="279"/>
      <c r="I3" s="279"/>
      <c r="J3" s="279"/>
      <c r="K3" s="279"/>
      <c r="L3" s="279"/>
      <c r="M3" s="279"/>
    </row>
    <row r="4" spans="1:13" s="45" customFormat="1" ht="11.25" customHeight="1" x14ac:dyDescent="0.2">
      <c r="A4" s="731" t="s">
        <v>251</v>
      </c>
      <c r="B4" s="731"/>
      <c r="C4" s="731"/>
      <c r="D4" s="731"/>
      <c r="E4" s="731"/>
    </row>
    <row r="5" spans="1:13" s="45" customFormat="1" ht="11.25" customHeight="1" x14ac:dyDescent="0.2">
      <c r="A5" s="965" t="s">
        <v>106</v>
      </c>
      <c r="B5" s="965"/>
      <c r="C5" s="965"/>
      <c r="D5" s="965"/>
      <c r="E5" s="965"/>
    </row>
    <row r="6" spans="1:13" s="45" customFormat="1" ht="11.25" customHeight="1" x14ac:dyDescent="0.2">
      <c r="A6" s="965" t="s">
        <v>107</v>
      </c>
      <c r="B6" s="965"/>
      <c r="C6" s="965"/>
      <c r="D6" s="965"/>
      <c r="E6" s="965"/>
    </row>
    <row r="7" spans="1:13" s="45" customFormat="1" ht="11.25" customHeight="1" x14ac:dyDescent="0.2">
      <c r="A7" s="965" t="s">
        <v>863</v>
      </c>
      <c r="B7" s="965"/>
      <c r="C7" s="965"/>
      <c r="D7" s="965"/>
      <c r="E7" s="965"/>
    </row>
    <row r="8" spans="1:13" s="45" customFormat="1" ht="11.25" customHeight="1" x14ac:dyDescent="0.2">
      <c r="A8" s="250"/>
      <c r="B8" s="250"/>
      <c r="C8" s="250"/>
      <c r="D8" s="250"/>
      <c r="E8" s="250"/>
    </row>
    <row r="9" spans="1:13" s="26" customFormat="1" ht="11.25" customHeight="1" x14ac:dyDescent="0.2">
      <c r="A9" s="26" t="s">
        <v>804</v>
      </c>
      <c r="B9" s="132"/>
      <c r="E9" s="225">
        <v>1</v>
      </c>
    </row>
    <row r="10" spans="1:13" s="26" customFormat="1" ht="21" customHeight="1" x14ac:dyDescent="0.2">
      <c r="A10" s="133" t="s">
        <v>106</v>
      </c>
      <c r="B10" s="1036" t="s">
        <v>115</v>
      </c>
      <c r="C10" s="1037"/>
      <c r="D10" s="1037"/>
      <c r="E10" s="1037"/>
    </row>
    <row r="11" spans="1:13" s="66" customFormat="1" ht="11.25" customHeight="1" x14ac:dyDescent="0.2">
      <c r="A11" s="160" t="s">
        <v>110</v>
      </c>
      <c r="B11" s="700"/>
      <c r="C11" s="715"/>
      <c r="D11" s="715"/>
      <c r="E11" s="715"/>
    </row>
    <row r="12" spans="1:13" ht="11.25" customHeight="1" x14ac:dyDescent="0.2">
      <c r="A12" s="22" t="s">
        <v>314</v>
      </c>
      <c r="B12" s="686">
        <v>13926525000</v>
      </c>
      <c r="C12" s="706"/>
      <c r="D12" s="706"/>
      <c r="E12" s="706"/>
    </row>
    <row r="13" spans="1:13" ht="11.25" customHeight="1" x14ac:dyDescent="0.2">
      <c r="A13" s="22" t="s">
        <v>315</v>
      </c>
      <c r="B13" s="686">
        <v>13949356241.599998</v>
      </c>
      <c r="C13" s="706"/>
      <c r="D13" s="706"/>
      <c r="E13" s="706"/>
    </row>
    <row r="14" spans="1:13" ht="11.25" customHeight="1" x14ac:dyDescent="0.2">
      <c r="A14" s="22" t="s">
        <v>61</v>
      </c>
      <c r="B14" s="686">
        <v>1901196566.5699999</v>
      </c>
      <c r="C14" s="706"/>
      <c r="D14" s="706"/>
      <c r="E14" s="706"/>
    </row>
    <row r="15" spans="1:13" ht="11.25" customHeight="1" x14ac:dyDescent="0.2">
      <c r="A15" s="22" t="s">
        <v>62</v>
      </c>
      <c r="B15" s="686">
        <v>0</v>
      </c>
      <c r="C15" s="706"/>
      <c r="D15" s="706"/>
      <c r="E15" s="706"/>
    </row>
    <row r="16" spans="1:13" ht="11.25" customHeight="1" x14ac:dyDescent="0.2">
      <c r="A16" s="22" t="s">
        <v>63</v>
      </c>
      <c r="B16" s="686">
        <v>0</v>
      </c>
      <c r="C16" s="706"/>
      <c r="D16" s="706"/>
      <c r="E16" s="706"/>
    </row>
    <row r="17" spans="1:5" s="66" customFormat="1" ht="11.25" customHeight="1" x14ac:dyDescent="0.2">
      <c r="A17" s="160" t="s">
        <v>160</v>
      </c>
      <c r="B17" s="686"/>
      <c r="C17" s="706"/>
      <c r="D17" s="706"/>
      <c r="E17" s="706"/>
    </row>
    <row r="18" spans="1:5" ht="11.25" customHeight="1" x14ac:dyDescent="0.2">
      <c r="A18" s="20" t="s">
        <v>64</v>
      </c>
      <c r="B18" s="686">
        <v>13926525000</v>
      </c>
      <c r="C18" s="706"/>
      <c r="D18" s="706"/>
      <c r="E18" s="706"/>
    </row>
    <row r="19" spans="1:5" ht="11.25" customHeight="1" x14ac:dyDescent="0.2">
      <c r="A19" s="20" t="s">
        <v>69</v>
      </c>
      <c r="B19" s="686">
        <v>80425038</v>
      </c>
      <c r="C19" s="706"/>
      <c r="D19" s="706"/>
      <c r="E19" s="706"/>
    </row>
    <row r="20" spans="1:5" ht="11.25" customHeight="1" x14ac:dyDescent="0.2">
      <c r="A20" s="20" t="s">
        <v>65</v>
      </c>
      <c r="B20" s="686">
        <v>14006950038</v>
      </c>
      <c r="C20" s="706"/>
      <c r="D20" s="706"/>
      <c r="E20" s="706"/>
    </row>
    <row r="21" spans="1:5" ht="11.25" customHeight="1" x14ac:dyDescent="0.2">
      <c r="A21" s="20" t="s">
        <v>66</v>
      </c>
      <c r="B21" s="686">
        <v>5758961872.9099998</v>
      </c>
      <c r="C21" s="706"/>
      <c r="D21" s="706"/>
      <c r="E21" s="706"/>
    </row>
    <row r="22" spans="1:5" ht="11.25" customHeight="1" x14ac:dyDescent="0.2">
      <c r="A22" s="22" t="s">
        <v>67</v>
      </c>
      <c r="B22" s="686">
        <v>1862398458.1900001</v>
      </c>
      <c r="C22" s="706"/>
      <c r="D22" s="706"/>
      <c r="E22" s="706"/>
    </row>
    <row r="23" spans="1:5" ht="11.25" customHeight="1" x14ac:dyDescent="0.2">
      <c r="A23" s="20" t="s">
        <v>549</v>
      </c>
      <c r="B23" s="686">
        <v>1639566447.22</v>
      </c>
      <c r="C23" s="706"/>
      <c r="D23" s="706"/>
      <c r="E23" s="706"/>
    </row>
    <row r="24" spans="1:5" ht="11.25" customHeight="1" x14ac:dyDescent="0.2">
      <c r="A24" s="68" t="s">
        <v>68</v>
      </c>
      <c r="B24" s="688">
        <v>38798108.379999876</v>
      </c>
      <c r="C24" s="727"/>
      <c r="D24" s="727"/>
      <c r="E24" s="727"/>
    </row>
    <row r="25" spans="1:5" s="217" customFormat="1" ht="6" customHeight="1" x14ac:dyDescent="0.2">
      <c r="A25" s="68"/>
      <c r="B25" s="657"/>
      <c r="C25" s="657"/>
      <c r="D25" s="657"/>
      <c r="E25" s="657"/>
    </row>
    <row r="26" spans="1:5" ht="21" customHeight="1" x14ac:dyDescent="0.2">
      <c r="A26" s="38" t="s">
        <v>254</v>
      </c>
      <c r="B26" s="740" t="s">
        <v>115</v>
      </c>
      <c r="C26" s="741"/>
      <c r="D26" s="741"/>
      <c r="E26" s="741"/>
    </row>
    <row r="27" spans="1:5" ht="11.25" customHeight="1" x14ac:dyDescent="0.2">
      <c r="A27" s="20" t="s">
        <v>252</v>
      </c>
      <c r="B27" s="696">
        <v>5758961872.9100008</v>
      </c>
      <c r="C27" s="762"/>
      <c r="D27" s="762"/>
      <c r="E27" s="762"/>
    </row>
    <row r="28" spans="1:5" ht="11.25" customHeight="1" x14ac:dyDescent="0.2">
      <c r="A28" s="69" t="s">
        <v>253</v>
      </c>
      <c r="B28" s="688">
        <v>1862398458.1899991</v>
      </c>
      <c r="C28" s="727"/>
      <c r="D28" s="727"/>
      <c r="E28" s="727"/>
    </row>
    <row r="29" spans="1:5" s="264" customFormat="1" ht="6" customHeight="1" x14ac:dyDescent="0.2">
      <c r="A29" s="68"/>
      <c r="B29" s="657"/>
      <c r="C29" s="657"/>
      <c r="D29" s="657"/>
      <c r="E29" s="657"/>
    </row>
    <row r="30" spans="1:5" ht="23.25" customHeight="1" x14ac:dyDescent="0.2">
      <c r="A30" s="37" t="s">
        <v>255</v>
      </c>
      <c r="B30" s="741" t="s">
        <v>115</v>
      </c>
      <c r="C30" s="741"/>
      <c r="D30" s="741"/>
      <c r="E30" s="741"/>
    </row>
    <row r="31" spans="1:5" ht="15" customHeight="1" x14ac:dyDescent="0.2">
      <c r="A31" s="290" t="s">
        <v>256</v>
      </c>
      <c r="B31" s="1032">
        <v>8532799151.6200008</v>
      </c>
      <c r="C31" s="1033"/>
      <c r="D31" s="1033"/>
      <c r="E31" s="1033"/>
    </row>
    <row r="32" spans="1:5" ht="6" customHeight="1" x14ac:dyDescent="0.2">
      <c r="A32" s="20"/>
      <c r="B32" s="70"/>
      <c r="C32" s="71"/>
      <c r="D32" s="28"/>
    </row>
    <row r="33" spans="1:5" ht="21.75" customHeight="1" x14ac:dyDescent="0.2">
      <c r="A33" s="38" t="s">
        <v>70</v>
      </c>
      <c r="B33" s="740" t="s">
        <v>115</v>
      </c>
      <c r="C33" s="741"/>
      <c r="D33" s="741"/>
      <c r="E33" s="741"/>
    </row>
    <row r="34" spans="1:5" s="226" customFormat="1" ht="11.25" customHeight="1" x14ac:dyDescent="0.2">
      <c r="A34" s="155" t="s">
        <v>257</v>
      </c>
      <c r="B34" s="1034"/>
      <c r="C34" s="1035"/>
      <c r="D34" s="1035"/>
      <c r="E34" s="1035"/>
    </row>
    <row r="35" spans="1:5" ht="11.25" customHeight="1" x14ac:dyDescent="0.2">
      <c r="A35" s="20" t="s">
        <v>71</v>
      </c>
      <c r="B35" s="1027"/>
      <c r="C35" s="1028"/>
      <c r="D35" s="1028"/>
      <c r="E35" s="1028"/>
    </row>
    <row r="36" spans="1:5" ht="11.25" customHeight="1" x14ac:dyDescent="0.2">
      <c r="A36" s="20" t="s">
        <v>72</v>
      </c>
      <c r="B36" s="1027"/>
      <c r="C36" s="1028"/>
      <c r="D36" s="1028"/>
      <c r="E36" s="1028"/>
    </row>
    <row r="37" spans="1:5" ht="11.25" customHeight="1" x14ac:dyDescent="0.2">
      <c r="A37" s="20" t="s">
        <v>103</v>
      </c>
      <c r="B37" s="1027"/>
      <c r="C37" s="1028"/>
      <c r="D37" s="1028"/>
      <c r="E37" s="1028"/>
    </row>
    <row r="38" spans="1:5" ht="11.25" customHeight="1" x14ac:dyDescent="0.2">
      <c r="A38" s="155" t="s">
        <v>316</v>
      </c>
      <c r="B38" s="1027"/>
      <c r="C38" s="1028"/>
      <c r="D38" s="1028"/>
      <c r="E38" s="1028"/>
    </row>
    <row r="39" spans="1:5" s="66" customFormat="1" ht="11.25" customHeight="1" x14ac:dyDescent="0.2">
      <c r="A39" s="217" t="s">
        <v>73</v>
      </c>
      <c r="B39" s="1027">
        <v>158386514.49000001</v>
      </c>
      <c r="C39" s="1028"/>
      <c r="D39" s="1028"/>
      <c r="E39" s="1028"/>
    </row>
    <row r="40" spans="1:5" ht="11.25" customHeight="1" x14ac:dyDescent="0.2">
      <c r="A40" s="20" t="s">
        <v>74</v>
      </c>
      <c r="B40" s="1027">
        <v>340425672.56999999</v>
      </c>
      <c r="C40" s="1028"/>
      <c r="D40" s="1028"/>
      <c r="E40" s="1028"/>
    </row>
    <row r="41" spans="1:5" ht="11.25" customHeight="1" x14ac:dyDescent="0.2">
      <c r="A41" s="68" t="s">
        <v>104</v>
      </c>
      <c r="B41" s="1020">
        <v>-182039158.07999998</v>
      </c>
      <c r="C41" s="1024"/>
      <c r="D41" s="1024"/>
      <c r="E41" s="1024"/>
    </row>
    <row r="42" spans="1:5" ht="6" customHeight="1" x14ac:dyDescent="0.2">
      <c r="E42" s="20"/>
    </row>
    <row r="43" spans="1:5" ht="11.25" customHeight="1" x14ac:dyDescent="0.2">
      <c r="A43" s="35"/>
      <c r="B43" s="32" t="s">
        <v>260</v>
      </c>
      <c r="C43" s="32" t="s">
        <v>889</v>
      </c>
      <c r="D43" s="764" t="s">
        <v>261</v>
      </c>
      <c r="E43" s="765"/>
    </row>
    <row r="44" spans="1:5" ht="11.25" customHeight="1" x14ac:dyDescent="0.2">
      <c r="A44" s="41" t="s">
        <v>262</v>
      </c>
      <c r="B44" s="33" t="s">
        <v>263</v>
      </c>
      <c r="C44" s="33" t="s">
        <v>890</v>
      </c>
      <c r="D44" s="802"/>
      <c r="E44" s="804"/>
    </row>
    <row r="45" spans="1:5" ht="11.25" customHeight="1" x14ac:dyDescent="0.2">
      <c r="A45" s="72"/>
      <c r="B45" s="33" t="s">
        <v>264</v>
      </c>
      <c r="C45" s="659" t="s">
        <v>115</v>
      </c>
      <c r="D45" s="802" t="s">
        <v>118</v>
      </c>
      <c r="E45" s="804"/>
    </row>
    <row r="46" spans="1:5" ht="11.25" customHeight="1" x14ac:dyDescent="0.2">
      <c r="A46" s="49"/>
      <c r="B46" s="73" t="s">
        <v>116</v>
      </c>
      <c r="C46" s="658" t="s">
        <v>117</v>
      </c>
      <c r="D46" s="803"/>
      <c r="E46" s="833"/>
    </row>
    <row r="47" spans="1:5" ht="11.25" customHeight="1" x14ac:dyDescent="0.2">
      <c r="A47" s="22" t="s">
        <v>265</v>
      </c>
      <c r="B47" s="364">
        <v>-297236000</v>
      </c>
      <c r="C47" s="364">
        <v>12157630.159998894</v>
      </c>
      <c r="D47" s="1022">
        <v>-4.0902280208315593</v>
      </c>
      <c r="E47" s="1023"/>
    </row>
    <row r="48" spans="1:5" ht="11.25" customHeight="1" x14ac:dyDescent="0.2">
      <c r="A48" s="69" t="s">
        <v>266</v>
      </c>
      <c r="B48" s="365">
        <v>849118000</v>
      </c>
      <c r="C48" s="467">
        <v>152067214.72000003</v>
      </c>
      <c r="D48" s="1020">
        <v>17.908843614197323</v>
      </c>
      <c r="E48" s="1024"/>
    </row>
    <row r="49" spans="1:6" ht="6" customHeight="1" x14ac:dyDescent="0.2"/>
    <row r="50" spans="1:6" ht="11.25" customHeight="1" x14ac:dyDescent="0.2">
      <c r="A50" s="766" t="s">
        <v>75</v>
      </c>
      <c r="B50" s="767" t="s">
        <v>267</v>
      </c>
      <c r="C50" s="32" t="s">
        <v>268</v>
      </c>
      <c r="D50" s="34" t="s">
        <v>550</v>
      </c>
      <c r="E50" s="34" t="s">
        <v>269</v>
      </c>
    </row>
    <row r="51" spans="1:6" ht="11.25" customHeight="1" x14ac:dyDescent="0.2">
      <c r="A51" s="770"/>
      <c r="B51" s="768"/>
      <c r="C51" s="73" t="s">
        <v>115</v>
      </c>
      <c r="D51" s="39" t="s">
        <v>115</v>
      </c>
      <c r="E51" s="39" t="s">
        <v>5</v>
      </c>
    </row>
    <row r="52" spans="1:6" s="66" customFormat="1" ht="11.25" customHeight="1" x14ac:dyDescent="0.2">
      <c r="A52" s="142" t="s">
        <v>270</v>
      </c>
      <c r="B52" s="460">
        <v>265590396.53</v>
      </c>
      <c r="C52" s="319">
        <v>0</v>
      </c>
      <c r="D52" s="461">
        <v>141769302.31</v>
      </c>
      <c r="E52" s="461">
        <v>123821094.22</v>
      </c>
      <c r="F52" s="205"/>
    </row>
    <row r="53" spans="1:6" ht="11.25" customHeight="1" x14ac:dyDescent="0.2">
      <c r="A53" s="22" t="s">
        <v>271</v>
      </c>
      <c r="B53" s="228">
        <v>217128968.44</v>
      </c>
      <c r="C53" s="462">
        <v>0</v>
      </c>
      <c r="D53" s="462">
        <v>97080839.989999995</v>
      </c>
      <c r="E53" s="462">
        <v>120048128.45</v>
      </c>
    </row>
    <row r="54" spans="1:6" ht="11.25" customHeight="1" x14ac:dyDescent="0.2">
      <c r="A54" s="22" t="s">
        <v>272</v>
      </c>
      <c r="B54" s="228">
        <v>15110230.220000001</v>
      </c>
      <c r="C54" s="462">
        <v>0</v>
      </c>
      <c r="D54" s="462">
        <v>11710126.610000001</v>
      </c>
      <c r="E54" s="462">
        <v>3400103.6099999994</v>
      </c>
    </row>
    <row r="55" spans="1:6" ht="11.25" customHeight="1" x14ac:dyDescent="0.2">
      <c r="A55" s="22" t="s">
        <v>273</v>
      </c>
      <c r="B55" s="228">
        <v>33313242.68</v>
      </c>
      <c r="C55" s="462">
        <v>0</v>
      </c>
      <c r="D55" s="462">
        <v>32946518.650000002</v>
      </c>
      <c r="E55" s="462">
        <v>366724.02999999747</v>
      </c>
    </row>
    <row r="56" spans="1:6" ht="11.25" customHeight="1" x14ac:dyDescent="0.2">
      <c r="A56" s="22" t="s">
        <v>274</v>
      </c>
      <c r="B56" s="228">
        <v>37955.19</v>
      </c>
      <c r="C56" s="462">
        <v>0</v>
      </c>
      <c r="D56" s="462">
        <v>31817.06</v>
      </c>
      <c r="E56" s="462">
        <v>6138.130000000001</v>
      </c>
    </row>
    <row r="57" spans="1:6" s="66" customFormat="1" ht="11.25" customHeight="1" x14ac:dyDescent="0.2">
      <c r="A57" s="142" t="s">
        <v>275</v>
      </c>
      <c r="B57" s="460">
        <v>513260947.21000004</v>
      </c>
      <c r="C57" s="460">
        <v>0</v>
      </c>
      <c r="D57" s="460">
        <v>159228879.62</v>
      </c>
      <c r="E57" s="319">
        <v>354032067.59000003</v>
      </c>
    </row>
    <row r="58" spans="1:6" ht="11.25" customHeight="1" x14ac:dyDescent="0.2">
      <c r="A58" s="22" t="s">
        <v>271</v>
      </c>
      <c r="B58" s="228">
        <v>491216157.98000002</v>
      </c>
      <c r="C58" s="462">
        <v>0</v>
      </c>
      <c r="D58" s="462">
        <v>149809431.28</v>
      </c>
      <c r="E58" s="462">
        <v>341406726.70000005</v>
      </c>
    </row>
    <row r="59" spans="1:6" ht="11.25" customHeight="1" x14ac:dyDescent="0.2">
      <c r="A59" s="22" t="s">
        <v>272</v>
      </c>
      <c r="B59" s="228">
        <v>2405217.27</v>
      </c>
      <c r="C59" s="462">
        <v>0</v>
      </c>
      <c r="D59" s="462">
        <v>2405217.27</v>
      </c>
      <c r="E59" s="462">
        <v>0</v>
      </c>
    </row>
    <row r="60" spans="1:6" ht="11.25" customHeight="1" x14ac:dyDescent="0.2">
      <c r="A60" s="22" t="s">
        <v>273</v>
      </c>
      <c r="B60" s="228">
        <v>5240147.9800000004</v>
      </c>
      <c r="C60" s="462">
        <v>0</v>
      </c>
      <c r="D60" s="462">
        <v>1843354.68</v>
      </c>
      <c r="E60" s="462">
        <v>3396793.3000000007</v>
      </c>
    </row>
    <row r="61" spans="1:6" ht="11.25" customHeight="1" x14ac:dyDescent="0.2">
      <c r="A61" s="22" t="s">
        <v>274</v>
      </c>
      <c r="B61" s="228">
        <v>14399423.979999999</v>
      </c>
      <c r="C61" s="462">
        <v>0</v>
      </c>
      <c r="D61" s="463">
        <v>5170876.3900000006</v>
      </c>
      <c r="E61" s="463">
        <v>9228547.589999998</v>
      </c>
    </row>
    <row r="62" spans="1:6" ht="11.25" customHeight="1" x14ac:dyDescent="0.2">
      <c r="A62" s="251" t="s">
        <v>170</v>
      </c>
      <c r="B62" s="464">
        <v>778851343.74000001</v>
      </c>
      <c r="C62" s="464">
        <v>0</v>
      </c>
      <c r="D62" s="464">
        <v>300998181.93000001</v>
      </c>
      <c r="E62" s="229">
        <v>477853161.81000006</v>
      </c>
    </row>
    <row r="63" spans="1:6" s="217" customFormat="1" ht="6" customHeight="1" x14ac:dyDescent="0.2">
      <c r="A63" s="665"/>
      <c r="B63" s="663"/>
      <c r="C63" s="664"/>
      <c r="D63" s="664"/>
      <c r="E63" s="664"/>
    </row>
    <row r="64" spans="1:6" ht="11.25" customHeight="1" x14ac:dyDescent="0.2">
      <c r="A64" s="35"/>
      <c r="B64" s="767" t="s">
        <v>276</v>
      </c>
      <c r="C64" s="740" t="s">
        <v>277</v>
      </c>
      <c r="D64" s="741"/>
      <c r="E64" s="741"/>
    </row>
    <row r="65" spans="1:5" ht="11.25" customHeight="1" x14ac:dyDescent="0.2">
      <c r="A65" s="41" t="s">
        <v>76</v>
      </c>
      <c r="B65" s="796"/>
      <c r="C65" s="34" t="s">
        <v>278</v>
      </c>
      <c r="D65" s="764" t="s">
        <v>293</v>
      </c>
      <c r="E65" s="765"/>
    </row>
    <row r="66" spans="1:5" ht="11.25" customHeight="1" x14ac:dyDescent="0.2">
      <c r="A66" s="40"/>
      <c r="B66" s="40" t="s">
        <v>115</v>
      </c>
      <c r="C66" s="73" t="s">
        <v>294</v>
      </c>
      <c r="D66" s="803"/>
      <c r="E66" s="833"/>
    </row>
    <row r="67" spans="1:5" ht="10.5" x14ac:dyDescent="0.2">
      <c r="A67" s="288" t="s">
        <v>793</v>
      </c>
      <c r="B67" s="228">
        <v>620836224.04650009</v>
      </c>
      <c r="C67" s="500">
        <v>25</v>
      </c>
      <c r="D67" s="1029">
        <v>44.401886479860018</v>
      </c>
      <c r="E67" s="1030"/>
    </row>
    <row r="68" spans="1:5" ht="10.5" x14ac:dyDescent="0.2">
      <c r="A68" s="288" t="s">
        <v>77</v>
      </c>
      <c r="B68" s="228">
        <v>144719735.44999999</v>
      </c>
      <c r="C68" s="500">
        <v>60</v>
      </c>
      <c r="D68" s="1027">
        <v>85.560504745941429</v>
      </c>
      <c r="E68" s="1028"/>
    </row>
    <row r="69" spans="1:5" ht="15" customHeight="1" x14ac:dyDescent="0.2">
      <c r="A69" s="288" t="s">
        <v>78</v>
      </c>
      <c r="B69" s="228">
        <v>0</v>
      </c>
      <c r="C69" s="500">
        <v>60</v>
      </c>
      <c r="D69" s="1027">
        <v>0</v>
      </c>
      <c r="E69" s="1028"/>
    </row>
    <row r="70" spans="1:5" ht="10.5" x14ac:dyDescent="0.2">
      <c r="A70" s="289" t="s">
        <v>79</v>
      </c>
      <c r="B70" s="365">
        <v>0</v>
      </c>
      <c r="C70" s="620">
        <v>0</v>
      </c>
      <c r="D70" s="1020">
        <v>0</v>
      </c>
      <c r="E70" s="1024"/>
    </row>
    <row r="71" spans="1:5" s="217" customFormat="1" ht="6" customHeight="1" x14ac:dyDescent="0.2">
      <c r="A71" s="384"/>
      <c r="B71" s="666"/>
      <c r="C71" s="660"/>
      <c r="D71" s="660"/>
      <c r="E71" s="660"/>
    </row>
    <row r="72" spans="1:5" ht="21.75" customHeight="1" x14ac:dyDescent="0.2">
      <c r="A72" s="35" t="s">
        <v>295</v>
      </c>
      <c r="B72" s="740" t="s">
        <v>296</v>
      </c>
      <c r="C72" s="742"/>
      <c r="D72" s="740" t="s">
        <v>348</v>
      </c>
      <c r="E72" s="741"/>
    </row>
    <row r="73" spans="1:5" ht="11.25" customHeight="1" x14ac:dyDescent="0.2">
      <c r="A73" s="21" t="s">
        <v>298</v>
      </c>
      <c r="B73" s="1022"/>
      <c r="C73" s="1031"/>
      <c r="D73" s="1022"/>
      <c r="E73" s="1023"/>
    </row>
    <row r="74" spans="1:5" ht="11.25" customHeight="1" x14ac:dyDescent="0.2">
      <c r="A74" s="69" t="s">
        <v>299</v>
      </c>
      <c r="B74" s="1020"/>
      <c r="C74" s="1021"/>
      <c r="D74" s="1020"/>
      <c r="E74" s="1024"/>
    </row>
    <row r="75" spans="1:5" s="217" customFormat="1" ht="6" customHeight="1" x14ac:dyDescent="0.2">
      <c r="A75" s="68"/>
      <c r="B75" s="660"/>
      <c r="C75" s="660"/>
      <c r="D75" s="660"/>
      <c r="E75" s="660"/>
    </row>
    <row r="76" spans="1:5" ht="21.75" customHeight="1" x14ac:dyDescent="0.2">
      <c r="A76" s="38" t="s">
        <v>300</v>
      </c>
      <c r="B76" s="2" t="s">
        <v>301</v>
      </c>
      <c r="C76" s="3" t="s">
        <v>302</v>
      </c>
      <c r="D76" s="2" t="s">
        <v>303</v>
      </c>
      <c r="E76" s="36" t="s">
        <v>304</v>
      </c>
    </row>
    <row r="77" spans="1:5" s="66" customFormat="1" ht="11.25" customHeight="1" x14ac:dyDescent="0.2">
      <c r="A77" s="142" t="s">
        <v>257</v>
      </c>
      <c r="B77" s="621"/>
      <c r="C77" s="621"/>
      <c r="D77" s="621"/>
      <c r="E77" s="461"/>
    </row>
    <row r="78" spans="1:5" ht="11.25" customHeight="1" x14ac:dyDescent="0.2">
      <c r="A78" s="22" t="s">
        <v>258</v>
      </c>
      <c r="B78" s="501"/>
      <c r="C78" s="501"/>
      <c r="D78" s="501"/>
      <c r="E78" s="462"/>
    </row>
    <row r="79" spans="1:5" ht="11.25" customHeight="1" x14ac:dyDescent="0.2">
      <c r="A79" s="22" t="s">
        <v>259</v>
      </c>
      <c r="B79" s="501"/>
      <c r="C79" s="501"/>
      <c r="D79" s="501"/>
      <c r="E79" s="462"/>
    </row>
    <row r="80" spans="1:5" ht="11.25" customHeight="1" x14ac:dyDescent="0.2">
      <c r="A80" s="22" t="s">
        <v>103</v>
      </c>
      <c r="B80" s="501"/>
      <c r="C80" s="501"/>
      <c r="D80" s="501"/>
      <c r="E80" s="462"/>
    </row>
    <row r="81" spans="1:5" s="66" customFormat="1" ht="11.25" customHeight="1" x14ac:dyDescent="0.2">
      <c r="A81" s="142" t="s">
        <v>316</v>
      </c>
      <c r="B81" s="507"/>
      <c r="C81" s="507"/>
      <c r="D81" s="507"/>
      <c r="E81" s="319"/>
    </row>
    <row r="82" spans="1:5" ht="11.25" customHeight="1" x14ac:dyDescent="0.2">
      <c r="A82" s="22" t="s">
        <v>6</v>
      </c>
      <c r="B82" s="501"/>
      <c r="C82" s="501"/>
      <c r="D82" s="501"/>
      <c r="E82" s="462"/>
    </row>
    <row r="83" spans="1:5" ht="11.25" customHeight="1" x14ac:dyDescent="0.2">
      <c r="A83" s="22" t="s">
        <v>7</v>
      </c>
      <c r="B83" s="501"/>
      <c r="C83" s="501"/>
      <c r="D83" s="501"/>
      <c r="E83" s="462"/>
    </row>
    <row r="84" spans="1:5" s="217" customFormat="1" ht="11.25" customHeight="1" x14ac:dyDescent="0.2">
      <c r="A84" s="69" t="s">
        <v>104</v>
      </c>
      <c r="B84" s="467"/>
      <c r="C84" s="467"/>
      <c r="D84" s="467"/>
      <c r="E84" s="463"/>
    </row>
    <row r="85" spans="1:5" s="217" customFormat="1" ht="6" customHeight="1" x14ac:dyDescent="0.2">
      <c r="B85" s="668"/>
      <c r="C85" s="668"/>
      <c r="D85" s="668"/>
      <c r="E85" s="668"/>
    </row>
    <row r="86" spans="1:5" ht="21" customHeight="1" x14ac:dyDescent="0.2">
      <c r="A86" s="38" t="s">
        <v>305</v>
      </c>
      <c r="B86" s="740" t="s">
        <v>296</v>
      </c>
      <c r="C86" s="742"/>
      <c r="D86" s="740" t="s">
        <v>297</v>
      </c>
      <c r="E86" s="741"/>
    </row>
    <row r="87" spans="1:5" ht="11.25" customHeight="1" x14ac:dyDescent="0.2">
      <c r="A87" s="22" t="s">
        <v>306</v>
      </c>
      <c r="B87" s="1022"/>
      <c r="C87" s="1031"/>
      <c r="D87" s="1022"/>
      <c r="E87" s="1023"/>
    </row>
    <row r="88" spans="1:5" ht="11.25" customHeight="1" x14ac:dyDescent="0.2">
      <c r="A88" s="69" t="s">
        <v>307</v>
      </c>
      <c r="B88" s="1020"/>
      <c r="C88" s="1021"/>
      <c r="D88" s="1020"/>
      <c r="E88" s="1024"/>
    </row>
    <row r="89" spans="1:5" s="217" customFormat="1" ht="6" customHeight="1" x14ac:dyDescent="0.2">
      <c r="A89" s="68"/>
      <c r="B89" s="68"/>
      <c r="C89" s="28"/>
    </row>
    <row r="90" spans="1:5" ht="15" customHeight="1" x14ac:dyDescent="0.2">
      <c r="A90" s="35"/>
      <c r="B90" s="778" t="s">
        <v>792</v>
      </c>
      <c r="C90" s="740" t="s">
        <v>308</v>
      </c>
      <c r="D90" s="741"/>
      <c r="E90" s="741"/>
    </row>
    <row r="91" spans="1:5" ht="13.5" customHeight="1" x14ac:dyDescent="0.2">
      <c r="A91" s="41" t="s">
        <v>243</v>
      </c>
      <c r="B91" s="996"/>
      <c r="C91" s="34" t="s">
        <v>278</v>
      </c>
      <c r="D91" s="764" t="s">
        <v>293</v>
      </c>
      <c r="E91" s="765"/>
    </row>
    <row r="92" spans="1:5" ht="12.75" customHeight="1" x14ac:dyDescent="0.2">
      <c r="A92" s="40"/>
      <c r="B92" s="779"/>
      <c r="C92" s="73" t="s">
        <v>294</v>
      </c>
      <c r="D92" s="803"/>
      <c r="E92" s="833"/>
    </row>
    <row r="93" spans="1:5" ht="15" customHeight="1" x14ac:dyDescent="0.2">
      <c r="A93" s="662" t="s">
        <v>428</v>
      </c>
      <c r="B93" s="635">
        <v>255164539.30000001</v>
      </c>
      <c r="C93" s="636">
        <v>12</v>
      </c>
      <c r="D93" s="1025">
        <v>18.249236221815231</v>
      </c>
      <c r="E93" s="1026"/>
    </row>
    <row r="94" spans="1:5" ht="6" customHeight="1" x14ac:dyDescent="0.2">
      <c r="A94" s="25"/>
      <c r="B94" s="25"/>
      <c r="C94" s="75"/>
      <c r="D94" s="25"/>
      <c r="E94" s="25"/>
    </row>
    <row r="95" spans="1:5" ht="21.75" customHeight="1" x14ac:dyDescent="0.2">
      <c r="A95" s="4" t="s">
        <v>81</v>
      </c>
      <c r="B95" s="740" t="s">
        <v>80</v>
      </c>
      <c r="C95" s="741"/>
      <c r="D95" s="741"/>
      <c r="E95" s="741"/>
    </row>
    <row r="96" spans="1:5" s="264" customFormat="1" ht="15" customHeight="1" x14ac:dyDescent="0.2">
      <c r="A96" s="667" t="s">
        <v>210</v>
      </c>
      <c r="B96" s="1025"/>
      <c r="C96" s="1026"/>
      <c r="D96" s="1026"/>
      <c r="E96" s="1026"/>
    </row>
    <row r="97" spans="1:21" ht="10.5" x14ac:dyDescent="0.2">
      <c r="A97" s="182" t="s">
        <v>848</v>
      </c>
      <c r="B97" s="182"/>
      <c r="C97" s="182"/>
      <c r="D97" s="182"/>
      <c r="E97" s="294"/>
      <c r="F97" s="17"/>
      <c r="G97" s="17"/>
      <c r="H97" s="17"/>
      <c r="I97" s="17"/>
      <c r="J97" s="17"/>
      <c r="K97" s="17"/>
      <c r="L97" s="17"/>
      <c r="M97" s="17"/>
      <c r="N97" s="17"/>
      <c r="O97" s="17"/>
      <c r="P97" s="17"/>
      <c r="Q97" s="17"/>
      <c r="R97" s="17"/>
      <c r="S97" s="17"/>
      <c r="T97" s="17"/>
      <c r="U97" s="17"/>
    </row>
    <row r="98" spans="1:21" ht="11.25" customHeight="1" x14ac:dyDescent="0.2">
      <c r="A98" s="20"/>
    </row>
    <row r="100" spans="1:21" s="264" customFormat="1" ht="11.25" customHeight="1" x14ac:dyDescent="0.2">
      <c r="C100" s="67"/>
    </row>
    <row r="101" spans="1:21" s="264" customFormat="1" ht="11.25" customHeight="1" x14ac:dyDescent="0.2">
      <c r="C101" s="67"/>
    </row>
    <row r="107" spans="1:21" s="45" customFormat="1" ht="11.25" customHeight="1" x14ac:dyDescent="0.2"/>
    <row r="108" spans="1:21" s="45" customFormat="1" ht="11.25" customHeight="1" x14ac:dyDescent="0.2"/>
    <row r="109" spans="1:21" s="45" customFormat="1" ht="11.25" customHeight="1" x14ac:dyDescent="0.2"/>
    <row r="110" spans="1:21" s="45" customFormat="1" ht="11.25" customHeight="1" x14ac:dyDescent="0.2"/>
    <row r="111" spans="1:21" s="45" customFormat="1" ht="11.25" customHeight="1" x14ac:dyDescent="0.2"/>
    <row r="112" spans="1:21" s="45" customFormat="1" ht="11.25" customHeight="1" x14ac:dyDescent="0.2"/>
    <row r="113" s="45" customFormat="1" ht="11.25" customHeight="1" x14ac:dyDescent="0.2"/>
  </sheetData>
  <customSheetViews>
    <customSheetView guid="{C779D862-DE28-46CD-A428-4AAA1056D1E1}" showPageBreaks="1" showGridLines="0" fitToPage="1" printArea="1">
      <selection activeCell="B99" sqref="B99"/>
      <pageMargins left="0.19685039370078741" right="0.19685039370078741" top="0.59055118110236227" bottom="0.19685039370078741" header="0" footer="0"/>
      <printOptions horizontalCentered="1"/>
      <pageSetup paperSize="9" scale="61" orientation="portrait" r:id="rId1"/>
      <headerFooter alignWithMargins="0"/>
    </customSheetView>
    <customSheetView guid="{B467DF90-BD78-4523-834B-7425556A2F17}" showPageBreaks="1" showGridLines="0" fitToPage="1" printArea="1" topLeftCell="A87">
      <selection activeCell="F57" sqref="F57"/>
      <pageMargins left="0.19685039370078741" right="0.19685039370078741" top="0.59055118110236227" bottom="0.19685039370078741" header="0" footer="0"/>
      <printOptions horizontalCentered="1"/>
      <pageSetup paperSize="9" scale="62" orientation="portrait" r:id="rId2"/>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25EF1E0D-169B-4051-B414-7E1196FC05E4}" showPageBreaks="1" showGridLines="0" fitToPage="1" printArea="1">
      <selection activeCell="B99" sqref="B99"/>
      <pageMargins left="0.19685039370078741" right="0.19685039370078741" top="0.59055118110236227" bottom="0.19685039370078741" header="0" footer="0"/>
      <printOptions horizontalCentered="1"/>
      <pageSetup paperSize="9" scale="62" orientation="portrait" r:id="rId4"/>
      <headerFooter alignWithMargins="0"/>
    </customSheetView>
    <customSheetView guid="{6DBFA32C-4AA4-4E1D-9A48-697377C64CC3}" showPageBreaks="1" showGridLines="0" fitToPage="1" printArea="1">
      <selection activeCell="H9" sqref="H9"/>
      <pageMargins left="0.19685039370078741" right="0.19685039370078741" top="0.59055118110236227" bottom="0.19685039370078741" header="0" footer="0"/>
      <printOptions horizontalCentered="1"/>
      <pageSetup paperSize="9" scale="58"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7"/>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62" orientation="portrait" r:id="rId8"/>
      <headerFooter alignWithMargins="0"/>
    </customSheetView>
  </customSheetViews>
  <mergeCells count="65">
    <mergeCell ref="D43:E44"/>
    <mergeCell ref="B11:E11"/>
    <mergeCell ref="B12:E12"/>
    <mergeCell ref="B13:E13"/>
    <mergeCell ref="B14:E14"/>
    <mergeCell ref="B15:E15"/>
    <mergeCell ref="B16:E16"/>
    <mergeCell ref="B17:E17"/>
    <mergeCell ref="B18:E18"/>
    <mergeCell ref="B19:E19"/>
    <mergeCell ref="B20:E20"/>
    <mergeCell ref="B21:E21"/>
    <mergeCell ref="B22:E22"/>
    <mergeCell ref="B23:E23"/>
    <mergeCell ref="B24:E24"/>
    <mergeCell ref="B27:E27"/>
    <mergeCell ref="A3:E3"/>
    <mergeCell ref="A4:E4"/>
    <mergeCell ref="A5:E5"/>
    <mergeCell ref="A6:E6"/>
    <mergeCell ref="B10:E10"/>
    <mergeCell ref="A7:E7"/>
    <mergeCell ref="B74:C74"/>
    <mergeCell ref="D73:E73"/>
    <mergeCell ref="D74:E74"/>
    <mergeCell ref="B87:C87"/>
    <mergeCell ref="A50:A51"/>
    <mergeCell ref="B50:B51"/>
    <mergeCell ref="B72:C72"/>
    <mergeCell ref="D72:E72"/>
    <mergeCell ref="B86:C86"/>
    <mergeCell ref="D86:E86"/>
    <mergeCell ref="B64:B65"/>
    <mergeCell ref="B96:E96"/>
    <mergeCell ref="B90:B92"/>
    <mergeCell ref="D91:E92"/>
    <mergeCell ref="B95:E95"/>
    <mergeCell ref="C90:E90"/>
    <mergeCell ref="B28:E28"/>
    <mergeCell ref="B31:E31"/>
    <mergeCell ref="B34:E34"/>
    <mergeCell ref="B26:E26"/>
    <mergeCell ref="B30:E30"/>
    <mergeCell ref="B33:E33"/>
    <mergeCell ref="B35:E35"/>
    <mergeCell ref="B36:E36"/>
    <mergeCell ref="B37:E37"/>
    <mergeCell ref="B38:E38"/>
    <mergeCell ref="B39:E39"/>
    <mergeCell ref="B88:C88"/>
    <mergeCell ref="D87:E87"/>
    <mergeCell ref="D88:E88"/>
    <mergeCell ref="D93:E93"/>
    <mergeCell ref="B40:E40"/>
    <mergeCell ref="B41:E41"/>
    <mergeCell ref="D67:E67"/>
    <mergeCell ref="D68:E68"/>
    <mergeCell ref="D65:E66"/>
    <mergeCell ref="C64:E64"/>
    <mergeCell ref="D45:E46"/>
    <mergeCell ref="D47:E47"/>
    <mergeCell ref="D48:E48"/>
    <mergeCell ref="D69:E69"/>
    <mergeCell ref="D70:E70"/>
    <mergeCell ref="B73:C73"/>
  </mergeCells>
  <phoneticPr fontId="0" type="noConversion"/>
  <printOptions horizontalCentered="1"/>
  <pageMargins left="0.19685039370078741" right="0.19685039370078741" top="0.59055118110236227" bottom="0.19685039370078741" header="0" footer="0"/>
  <pageSetup paperSize="9" scale="60" orientation="portrait" r:id="rId9"/>
  <headerFooter alignWithMargins="0"/>
  <drawing r:id="rId1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94"/>
  <sheetViews>
    <sheetView showGridLines="0" zoomScaleNormal="100" workbookViewId="0"/>
  </sheetViews>
  <sheetFormatPr defaultRowHeight="11.25" customHeight="1" x14ac:dyDescent="0.2"/>
  <cols>
    <col min="1" max="1" width="57.42578125" style="45" customWidth="1"/>
    <col min="2" max="2" width="17.140625" style="45" customWidth="1"/>
    <col min="3" max="3" width="19.28515625" style="45" customWidth="1"/>
    <col min="4" max="4" width="20.140625" style="45" customWidth="1"/>
    <col min="5" max="5" width="19" style="45" bestFit="1" customWidth="1"/>
    <col min="6" max="6" width="16.85546875" style="45" customWidth="1"/>
    <col min="7" max="7" width="16.7109375" style="45" customWidth="1"/>
    <col min="8" max="8" width="19" style="45" bestFit="1" customWidth="1"/>
    <col min="9" max="9" width="21.7109375" style="45" customWidth="1"/>
    <col min="10" max="10" width="18.5703125" style="45" customWidth="1"/>
    <col min="11" max="11" width="8" style="45" bestFit="1" customWidth="1"/>
    <col min="12" max="12" width="19" style="45" bestFit="1" customWidth="1"/>
    <col min="13" max="13" width="13.85546875" style="45" customWidth="1"/>
    <col min="14" max="14" width="18.5703125" style="45" customWidth="1"/>
    <col min="15" max="15" width="6.5703125" style="45" customWidth="1"/>
    <col min="16" max="17" width="15.42578125" style="45" customWidth="1"/>
    <col min="18" max="18" width="22" style="45" customWidth="1"/>
    <col min="19" max="19" width="13.42578125" style="45" customWidth="1"/>
    <col min="20" max="16384" width="9.140625" style="45"/>
  </cols>
  <sheetData>
    <row r="1" spans="1:14" s="26" customFormat="1" ht="10.5" x14ac:dyDescent="0.2">
      <c r="A1" s="291"/>
      <c r="B1" s="291"/>
      <c r="C1" s="291"/>
      <c r="D1" s="291"/>
      <c r="E1" s="291"/>
      <c r="F1" s="291"/>
      <c r="G1" s="291"/>
      <c r="H1" s="291"/>
      <c r="I1" s="291"/>
      <c r="J1" s="291"/>
      <c r="K1" s="291"/>
      <c r="L1" s="291"/>
    </row>
    <row r="2" spans="1:14" s="26" customFormat="1" ht="10.5" x14ac:dyDescent="0.2">
      <c r="A2" s="751"/>
      <c r="B2" s="751"/>
      <c r="C2" s="751"/>
      <c r="D2" s="751"/>
      <c r="E2" s="751"/>
      <c r="F2" s="751"/>
      <c r="G2" s="751"/>
      <c r="H2" s="751"/>
      <c r="I2" s="751"/>
      <c r="J2" s="751"/>
      <c r="K2" s="751"/>
      <c r="L2" s="751"/>
    </row>
    <row r="3" spans="1:14" ht="10.5" x14ac:dyDescent="0.2">
      <c r="A3" s="731" t="s">
        <v>637</v>
      </c>
      <c r="B3" s="731"/>
      <c r="C3" s="731"/>
      <c r="D3" s="731"/>
      <c r="E3" s="731"/>
      <c r="F3" s="731"/>
      <c r="G3" s="731"/>
      <c r="H3" s="731"/>
      <c r="I3" s="731"/>
      <c r="J3" s="731"/>
      <c r="K3" s="731"/>
      <c r="L3" s="731"/>
    </row>
    <row r="4" spans="1:14" ht="10.5" x14ac:dyDescent="0.2">
      <c r="A4" s="731" t="s">
        <v>105</v>
      </c>
      <c r="B4" s="731"/>
      <c r="C4" s="731"/>
      <c r="D4" s="731"/>
      <c r="E4" s="731"/>
      <c r="F4" s="731"/>
      <c r="G4" s="731"/>
      <c r="H4" s="731"/>
      <c r="I4" s="731"/>
      <c r="J4" s="731"/>
      <c r="K4" s="731"/>
      <c r="L4" s="731"/>
    </row>
    <row r="5" spans="1:14" ht="10.5" x14ac:dyDescent="0.2">
      <c r="A5" s="731" t="s">
        <v>106</v>
      </c>
      <c r="B5" s="731"/>
      <c r="C5" s="731"/>
      <c r="D5" s="731"/>
      <c r="E5" s="731"/>
      <c r="F5" s="731"/>
      <c r="G5" s="731"/>
      <c r="H5" s="731"/>
      <c r="I5" s="731"/>
      <c r="J5" s="731"/>
      <c r="K5" s="731"/>
      <c r="L5" s="731"/>
    </row>
    <row r="6" spans="1:14" ht="10.5" x14ac:dyDescent="0.2">
      <c r="A6" s="731" t="s">
        <v>107</v>
      </c>
      <c r="B6" s="731"/>
      <c r="C6" s="731"/>
      <c r="D6" s="731"/>
      <c r="E6" s="731"/>
      <c r="F6" s="731"/>
      <c r="G6" s="731"/>
      <c r="H6" s="731"/>
      <c r="I6" s="731"/>
      <c r="J6" s="731"/>
      <c r="K6" s="731"/>
      <c r="L6" s="731"/>
    </row>
    <row r="7" spans="1:14" ht="10.5" x14ac:dyDescent="0.2">
      <c r="A7" s="731" t="s">
        <v>863</v>
      </c>
      <c r="B7" s="731"/>
      <c r="C7" s="731"/>
      <c r="D7" s="731"/>
      <c r="E7" s="731"/>
      <c r="F7" s="731"/>
      <c r="G7" s="731"/>
      <c r="H7" s="731"/>
      <c r="I7" s="731"/>
      <c r="J7" s="731"/>
      <c r="K7" s="731"/>
      <c r="L7" s="731"/>
    </row>
    <row r="8" spans="1:14" s="26" customFormat="1" ht="10.5" x14ac:dyDescent="0.2">
      <c r="A8" s="46"/>
      <c r="B8" s="46"/>
      <c r="C8" s="46"/>
      <c r="D8" s="419"/>
      <c r="E8" s="419"/>
      <c r="F8" s="46"/>
      <c r="G8" s="46"/>
      <c r="H8" s="46"/>
      <c r="I8" s="46"/>
      <c r="J8" s="46"/>
      <c r="K8" s="46"/>
    </row>
    <row r="9" spans="1:14" s="26" customFormat="1" ht="9.75" customHeight="1" x14ac:dyDescent="0.2">
      <c r="A9" s="26" t="s">
        <v>849</v>
      </c>
      <c r="B9" s="112"/>
      <c r="D9" s="300"/>
      <c r="E9" s="300"/>
      <c r="H9" s="131"/>
      <c r="I9" s="46"/>
      <c r="J9" s="131"/>
      <c r="L9" s="623">
        <v>1</v>
      </c>
    </row>
    <row r="10" spans="1:14" ht="10.5" x14ac:dyDescent="0.2">
      <c r="A10" s="735" t="s">
        <v>535</v>
      </c>
      <c r="B10" s="736" t="s">
        <v>425</v>
      </c>
      <c r="C10" s="744"/>
      <c r="D10" s="752" t="s">
        <v>235</v>
      </c>
      <c r="E10" s="753"/>
      <c r="F10" s="740" t="s">
        <v>109</v>
      </c>
      <c r="G10" s="741"/>
      <c r="H10" s="741"/>
      <c r="I10" s="741"/>
      <c r="J10" s="741"/>
      <c r="K10" s="742"/>
      <c r="L10" s="734" t="s">
        <v>161</v>
      </c>
    </row>
    <row r="11" spans="1:14" ht="10.5" x14ac:dyDescent="0.15">
      <c r="A11" s="749"/>
      <c r="B11" s="745"/>
      <c r="C11" s="746"/>
      <c r="D11" s="754"/>
      <c r="E11" s="755"/>
      <c r="F11" s="756" t="s">
        <v>113</v>
      </c>
      <c r="G11" s="757"/>
      <c r="H11" s="423" t="s">
        <v>114</v>
      </c>
      <c r="I11" s="734" t="s">
        <v>115</v>
      </c>
      <c r="J11" s="735"/>
      <c r="K11" s="424" t="s">
        <v>114</v>
      </c>
      <c r="L11" s="743"/>
    </row>
    <row r="12" spans="1:14" ht="10.5" x14ac:dyDescent="0.2">
      <c r="A12" s="750"/>
      <c r="B12" s="747"/>
      <c r="C12" s="748"/>
      <c r="D12" s="732" t="s">
        <v>116</v>
      </c>
      <c r="E12" s="733"/>
      <c r="F12" s="732" t="s">
        <v>117</v>
      </c>
      <c r="G12" s="733"/>
      <c r="H12" s="391" t="s">
        <v>118</v>
      </c>
      <c r="I12" s="732" t="s">
        <v>152</v>
      </c>
      <c r="J12" s="733"/>
      <c r="K12" s="422" t="s">
        <v>153</v>
      </c>
      <c r="L12" s="637" t="s">
        <v>154</v>
      </c>
    </row>
    <row r="13" spans="1:14" ht="10.5" x14ac:dyDescent="0.2">
      <c r="A13" s="145" t="s">
        <v>850</v>
      </c>
      <c r="B13" s="700">
        <v>1078931200</v>
      </c>
      <c r="C13" s="701"/>
      <c r="D13" s="700">
        <v>1101761416.97</v>
      </c>
      <c r="E13" s="701"/>
      <c r="F13" s="700">
        <v>156642339.24000001</v>
      </c>
      <c r="G13" s="701"/>
      <c r="H13" s="468">
        <v>14.217446429626174</v>
      </c>
      <c r="I13" s="700">
        <v>156642339.24000001</v>
      </c>
      <c r="J13" s="701"/>
      <c r="K13" s="425">
        <v>14.217446429626174</v>
      </c>
      <c r="L13" s="426">
        <v>945119077.73000002</v>
      </c>
    </row>
    <row r="14" spans="1:14" ht="10.5" x14ac:dyDescent="0.2">
      <c r="A14" s="146" t="s">
        <v>8</v>
      </c>
      <c r="B14" s="698">
        <v>1078931200</v>
      </c>
      <c r="C14" s="699"/>
      <c r="D14" s="698">
        <v>1101761416.97</v>
      </c>
      <c r="E14" s="699"/>
      <c r="F14" s="698">
        <v>156642339.24000001</v>
      </c>
      <c r="G14" s="699"/>
      <c r="H14" s="470">
        <v>14.217446429626174</v>
      </c>
      <c r="I14" s="698">
        <v>156642339.24000001</v>
      </c>
      <c r="J14" s="699"/>
      <c r="K14" s="425">
        <v>14.217446429626174</v>
      </c>
      <c r="L14" s="426">
        <v>945119077.73000002</v>
      </c>
    </row>
    <row r="15" spans="1:14" ht="10.5" x14ac:dyDescent="0.2">
      <c r="A15" s="146" t="s">
        <v>9</v>
      </c>
      <c r="B15" s="686">
        <v>0</v>
      </c>
      <c r="C15" s="687"/>
      <c r="D15" s="686">
        <v>0</v>
      </c>
      <c r="E15" s="687"/>
      <c r="F15" s="686">
        <v>0</v>
      </c>
      <c r="G15" s="687"/>
      <c r="H15" s="427">
        <v>0</v>
      </c>
      <c r="I15" s="686">
        <v>0</v>
      </c>
      <c r="J15" s="687"/>
      <c r="K15" s="427">
        <v>0</v>
      </c>
      <c r="L15" s="428">
        <v>0</v>
      </c>
      <c r="M15" s="28"/>
      <c r="N15" s="56"/>
    </row>
    <row r="16" spans="1:14" ht="10.5" x14ac:dyDescent="0.2">
      <c r="A16" s="29" t="s">
        <v>10</v>
      </c>
      <c r="B16" s="686">
        <v>0</v>
      </c>
      <c r="C16" s="687"/>
      <c r="D16" s="686">
        <v>0</v>
      </c>
      <c r="E16" s="687"/>
      <c r="F16" s="686">
        <v>0</v>
      </c>
      <c r="G16" s="687"/>
      <c r="H16" s="427">
        <v>0</v>
      </c>
      <c r="I16" s="686">
        <v>0</v>
      </c>
      <c r="J16" s="687"/>
      <c r="K16" s="427">
        <v>0</v>
      </c>
      <c r="L16" s="428">
        <v>0</v>
      </c>
    </row>
    <row r="17" spans="1:14" ht="10.5" x14ac:dyDescent="0.2">
      <c r="A17" s="29" t="s">
        <v>11</v>
      </c>
      <c r="B17" s="686">
        <v>0</v>
      </c>
      <c r="C17" s="687"/>
      <c r="D17" s="686">
        <v>0</v>
      </c>
      <c r="E17" s="687"/>
      <c r="F17" s="686">
        <v>0</v>
      </c>
      <c r="G17" s="687"/>
      <c r="H17" s="427">
        <v>0</v>
      </c>
      <c r="I17" s="686">
        <v>0</v>
      </c>
      <c r="J17" s="687"/>
      <c r="K17" s="427">
        <v>0</v>
      </c>
      <c r="L17" s="428">
        <v>0</v>
      </c>
    </row>
    <row r="18" spans="1:14" ht="10.5" x14ac:dyDescent="0.2">
      <c r="A18" s="29" t="s">
        <v>12</v>
      </c>
      <c r="B18" s="686">
        <v>0</v>
      </c>
      <c r="C18" s="687"/>
      <c r="D18" s="686">
        <v>0</v>
      </c>
      <c r="E18" s="687"/>
      <c r="F18" s="686">
        <v>0</v>
      </c>
      <c r="G18" s="687"/>
      <c r="H18" s="427">
        <v>0</v>
      </c>
      <c r="I18" s="686">
        <v>0</v>
      </c>
      <c r="J18" s="687"/>
      <c r="K18" s="427">
        <v>0</v>
      </c>
      <c r="L18" s="428">
        <v>0</v>
      </c>
    </row>
    <row r="19" spans="1:14" ht="10.5" x14ac:dyDescent="0.2">
      <c r="A19" s="146" t="s">
        <v>13</v>
      </c>
      <c r="B19" s="686">
        <v>1038054000</v>
      </c>
      <c r="C19" s="687"/>
      <c r="D19" s="686">
        <v>1038054000</v>
      </c>
      <c r="E19" s="687"/>
      <c r="F19" s="686">
        <v>92952122.269999996</v>
      </c>
      <c r="G19" s="687"/>
      <c r="H19" s="427">
        <v>8.9544592352613641</v>
      </c>
      <c r="I19" s="686">
        <v>92952122.269999996</v>
      </c>
      <c r="J19" s="687"/>
      <c r="K19" s="427">
        <v>8.9544592352613641</v>
      </c>
      <c r="L19" s="428">
        <v>945101877.73000002</v>
      </c>
      <c r="M19" s="56"/>
      <c r="N19" s="56"/>
    </row>
    <row r="20" spans="1:14" ht="10.5" x14ac:dyDescent="0.2">
      <c r="A20" s="29" t="s">
        <v>14</v>
      </c>
      <c r="B20" s="686">
        <v>1038054000</v>
      </c>
      <c r="C20" s="687"/>
      <c r="D20" s="686">
        <v>1038054000</v>
      </c>
      <c r="E20" s="687"/>
      <c r="F20" s="686">
        <v>92952122.269999996</v>
      </c>
      <c r="G20" s="687"/>
      <c r="H20" s="427">
        <v>8.9544592352613641</v>
      </c>
      <c r="I20" s="686">
        <v>92952122.269999996</v>
      </c>
      <c r="J20" s="687"/>
      <c r="K20" s="427">
        <v>8.9544592352613641</v>
      </c>
      <c r="L20" s="428">
        <v>945101877.73000002</v>
      </c>
    </row>
    <row r="21" spans="1:14" ht="10.5" x14ac:dyDescent="0.2">
      <c r="A21" s="29" t="s">
        <v>355</v>
      </c>
      <c r="B21" s="686">
        <v>0</v>
      </c>
      <c r="C21" s="687"/>
      <c r="D21" s="686">
        <v>0</v>
      </c>
      <c r="E21" s="687"/>
      <c r="F21" s="686">
        <v>0</v>
      </c>
      <c r="G21" s="687"/>
      <c r="H21" s="427">
        <v>0</v>
      </c>
      <c r="I21" s="686">
        <v>0</v>
      </c>
      <c r="J21" s="687"/>
      <c r="K21" s="427">
        <v>0</v>
      </c>
      <c r="L21" s="428">
        <v>0</v>
      </c>
    </row>
    <row r="22" spans="1:14" ht="10.5" x14ac:dyDescent="0.2">
      <c r="A22" s="29" t="s">
        <v>356</v>
      </c>
      <c r="B22" s="686">
        <v>0</v>
      </c>
      <c r="C22" s="687"/>
      <c r="D22" s="686">
        <v>0</v>
      </c>
      <c r="E22" s="687"/>
      <c r="F22" s="686">
        <v>0</v>
      </c>
      <c r="G22" s="687"/>
      <c r="H22" s="427">
        <v>0</v>
      </c>
      <c r="I22" s="686">
        <v>0</v>
      </c>
      <c r="J22" s="687"/>
      <c r="K22" s="427">
        <v>0</v>
      </c>
      <c r="L22" s="428">
        <v>0</v>
      </c>
    </row>
    <row r="23" spans="1:14" ht="10.5" x14ac:dyDescent="0.2">
      <c r="A23" s="146" t="s">
        <v>15</v>
      </c>
      <c r="B23" s="686">
        <v>0</v>
      </c>
      <c r="C23" s="687"/>
      <c r="D23" s="686">
        <v>0</v>
      </c>
      <c r="E23" s="687"/>
      <c r="F23" s="686">
        <v>0</v>
      </c>
      <c r="G23" s="687"/>
      <c r="H23" s="427">
        <v>0</v>
      </c>
      <c r="I23" s="686">
        <v>0</v>
      </c>
      <c r="J23" s="687"/>
      <c r="K23" s="427">
        <v>0</v>
      </c>
      <c r="L23" s="428">
        <v>0</v>
      </c>
    </row>
    <row r="24" spans="1:14" ht="10.5" x14ac:dyDescent="0.2">
      <c r="A24" s="29" t="s">
        <v>16</v>
      </c>
      <c r="B24" s="686">
        <v>0</v>
      </c>
      <c r="C24" s="687"/>
      <c r="D24" s="686">
        <v>0</v>
      </c>
      <c r="E24" s="687"/>
      <c r="F24" s="686">
        <v>0</v>
      </c>
      <c r="G24" s="687"/>
      <c r="H24" s="427">
        <v>0</v>
      </c>
      <c r="I24" s="686">
        <v>0</v>
      </c>
      <c r="J24" s="687"/>
      <c r="K24" s="427">
        <v>0</v>
      </c>
      <c r="L24" s="428">
        <v>0</v>
      </c>
    </row>
    <row r="25" spans="1:14" ht="10.5" x14ac:dyDescent="0.2">
      <c r="A25" s="29" t="s">
        <v>17</v>
      </c>
      <c r="B25" s="686">
        <v>0</v>
      </c>
      <c r="C25" s="687"/>
      <c r="D25" s="686">
        <v>0</v>
      </c>
      <c r="E25" s="687"/>
      <c r="F25" s="686">
        <v>0</v>
      </c>
      <c r="G25" s="687"/>
      <c r="H25" s="427">
        <v>0</v>
      </c>
      <c r="I25" s="686">
        <v>0</v>
      </c>
      <c r="J25" s="687"/>
      <c r="K25" s="427">
        <v>0</v>
      </c>
      <c r="L25" s="428">
        <v>0</v>
      </c>
    </row>
    <row r="26" spans="1:14" ht="10.5" x14ac:dyDescent="0.2">
      <c r="A26" s="29" t="s">
        <v>18</v>
      </c>
      <c r="B26" s="686">
        <v>0</v>
      </c>
      <c r="C26" s="687"/>
      <c r="D26" s="686">
        <v>0</v>
      </c>
      <c r="E26" s="687"/>
      <c r="F26" s="686">
        <v>0</v>
      </c>
      <c r="G26" s="687"/>
      <c r="H26" s="427">
        <v>0</v>
      </c>
      <c r="I26" s="686">
        <v>0</v>
      </c>
      <c r="J26" s="687"/>
      <c r="K26" s="427">
        <v>0</v>
      </c>
      <c r="L26" s="428">
        <v>0</v>
      </c>
    </row>
    <row r="27" spans="1:14" ht="10.5" x14ac:dyDescent="0.2">
      <c r="A27" s="29" t="s">
        <v>119</v>
      </c>
      <c r="B27" s="686">
        <v>0</v>
      </c>
      <c r="C27" s="687"/>
      <c r="D27" s="686">
        <v>0</v>
      </c>
      <c r="E27" s="687"/>
      <c r="F27" s="686">
        <v>0</v>
      </c>
      <c r="G27" s="687"/>
      <c r="H27" s="427">
        <v>0</v>
      </c>
      <c r="I27" s="686">
        <v>0</v>
      </c>
      <c r="J27" s="687"/>
      <c r="K27" s="427">
        <v>0</v>
      </c>
      <c r="L27" s="428">
        <v>0</v>
      </c>
    </row>
    <row r="28" spans="1:14" ht="21" x14ac:dyDescent="0.2">
      <c r="A28" s="50" t="s">
        <v>368</v>
      </c>
      <c r="B28" s="686">
        <v>0</v>
      </c>
      <c r="C28" s="687"/>
      <c r="D28" s="686">
        <v>0</v>
      </c>
      <c r="E28" s="687"/>
      <c r="F28" s="686">
        <v>0</v>
      </c>
      <c r="G28" s="687"/>
      <c r="H28" s="427">
        <v>0</v>
      </c>
      <c r="I28" s="686">
        <v>0</v>
      </c>
      <c r="J28" s="687"/>
      <c r="K28" s="427">
        <v>0</v>
      </c>
      <c r="L28" s="428">
        <v>0</v>
      </c>
    </row>
    <row r="29" spans="1:14" ht="10.5" x14ac:dyDescent="0.2">
      <c r="A29" s="50" t="s">
        <v>369</v>
      </c>
      <c r="B29" s="686">
        <v>0</v>
      </c>
      <c r="C29" s="687"/>
      <c r="D29" s="686">
        <v>0</v>
      </c>
      <c r="E29" s="687"/>
      <c r="F29" s="686">
        <v>0</v>
      </c>
      <c r="G29" s="687"/>
      <c r="H29" s="427">
        <v>0</v>
      </c>
      <c r="I29" s="686">
        <v>0</v>
      </c>
      <c r="J29" s="687"/>
      <c r="K29" s="427">
        <v>0</v>
      </c>
      <c r="L29" s="428">
        <v>0</v>
      </c>
    </row>
    <row r="30" spans="1:14" ht="10.5" x14ac:dyDescent="0.2">
      <c r="A30" s="29" t="s">
        <v>19</v>
      </c>
      <c r="B30" s="686">
        <v>0</v>
      </c>
      <c r="C30" s="687"/>
      <c r="D30" s="686">
        <v>0</v>
      </c>
      <c r="E30" s="687"/>
      <c r="F30" s="686">
        <v>0</v>
      </c>
      <c r="G30" s="687"/>
      <c r="H30" s="427">
        <v>0</v>
      </c>
      <c r="I30" s="686">
        <v>0</v>
      </c>
      <c r="J30" s="687"/>
      <c r="K30" s="427">
        <v>0</v>
      </c>
      <c r="L30" s="428">
        <v>0</v>
      </c>
    </row>
    <row r="31" spans="1:14" ht="10.5" x14ac:dyDescent="0.2">
      <c r="A31" s="146" t="s">
        <v>20</v>
      </c>
      <c r="B31" s="686">
        <v>0</v>
      </c>
      <c r="C31" s="687"/>
      <c r="D31" s="686">
        <v>0</v>
      </c>
      <c r="E31" s="687"/>
      <c r="F31" s="686">
        <v>0</v>
      </c>
      <c r="G31" s="687"/>
      <c r="H31" s="427">
        <v>0</v>
      </c>
      <c r="I31" s="686">
        <v>0</v>
      </c>
      <c r="J31" s="687"/>
      <c r="K31" s="427">
        <v>0</v>
      </c>
      <c r="L31" s="428">
        <v>0</v>
      </c>
    </row>
    <row r="32" spans="1:14" ht="10.5" x14ac:dyDescent="0.2">
      <c r="A32" s="29" t="s">
        <v>21</v>
      </c>
      <c r="B32" s="686">
        <v>0</v>
      </c>
      <c r="C32" s="687"/>
      <c r="D32" s="686">
        <v>0</v>
      </c>
      <c r="E32" s="687"/>
      <c r="F32" s="686">
        <v>0</v>
      </c>
      <c r="G32" s="687"/>
      <c r="H32" s="427">
        <v>0</v>
      </c>
      <c r="I32" s="686">
        <v>0</v>
      </c>
      <c r="J32" s="687"/>
      <c r="K32" s="427">
        <v>0</v>
      </c>
      <c r="L32" s="428">
        <v>0</v>
      </c>
    </row>
    <row r="33" spans="1:14" ht="10.5" x14ac:dyDescent="0.2">
      <c r="A33" s="29" t="s">
        <v>22</v>
      </c>
      <c r="B33" s="686">
        <v>0</v>
      </c>
      <c r="C33" s="687"/>
      <c r="D33" s="686">
        <v>0</v>
      </c>
      <c r="E33" s="687"/>
      <c r="F33" s="686">
        <v>0</v>
      </c>
      <c r="G33" s="687"/>
      <c r="H33" s="427">
        <v>0</v>
      </c>
      <c r="I33" s="686">
        <v>0</v>
      </c>
      <c r="J33" s="687"/>
      <c r="K33" s="427">
        <v>0</v>
      </c>
      <c r="L33" s="428">
        <v>0</v>
      </c>
    </row>
    <row r="34" spans="1:14" ht="10.5" x14ac:dyDescent="0.2">
      <c r="A34" s="29" t="s">
        <v>23</v>
      </c>
      <c r="B34" s="686">
        <v>0</v>
      </c>
      <c r="C34" s="687"/>
      <c r="D34" s="686">
        <v>0</v>
      </c>
      <c r="E34" s="687"/>
      <c r="F34" s="686">
        <v>0</v>
      </c>
      <c r="G34" s="687"/>
      <c r="H34" s="427">
        <v>0</v>
      </c>
      <c r="I34" s="686">
        <v>0</v>
      </c>
      <c r="J34" s="687"/>
      <c r="K34" s="427">
        <v>0</v>
      </c>
      <c r="L34" s="428">
        <v>0</v>
      </c>
    </row>
    <row r="35" spans="1:14" ht="10.5" x14ac:dyDescent="0.2">
      <c r="A35" s="146" t="s">
        <v>24</v>
      </c>
      <c r="B35" s="686">
        <v>0</v>
      </c>
      <c r="C35" s="687"/>
      <c r="D35" s="686">
        <v>0</v>
      </c>
      <c r="E35" s="687"/>
      <c r="F35" s="686">
        <v>0</v>
      </c>
      <c r="G35" s="687"/>
      <c r="H35" s="427">
        <v>0</v>
      </c>
      <c r="I35" s="686">
        <v>0</v>
      </c>
      <c r="J35" s="687"/>
      <c r="K35" s="427">
        <v>0</v>
      </c>
      <c r="L35" s="428">
        <v>0</v>
      </c>
    </row>
    <row r="36" spans="1:14" ht="10.5" x14ac:dyDescent="0.2">
      <c r="A36" s="29" t="s">
        <v>370</v>
      </c>
      <c r="B36" s="686">
        <v>0</v>
      </c>
      <c r="C36" s="687"/>
      <c r="D36" s="686">
        <v>0</v>
      </c>
      <c r="E36" s="687"/>
      <c r="F36" s="686">
        <v>0</v>
      </c>
      <c r="G36" s="687"/>
      <c r="H36" s="427">
        <v>0</v>
      </c>
      <c r="I36" s="686">
        <v>0</v>
      </c>
      <c r="J36" s="687"/>
      <c r="K36" s="427">
        <v>0</v>
      </c>
      <c r="L36" s="428">
        <v>0</v>
      </c>
    </row>
    <row r="37" spans="1:14" ht="10.5" x14ac:dyDescent="0.2">
      <c r="A37" s="29" t="s">
        <v>25</v>
      </c>
      <c r="B37" s="686">
        <v>0</v>
      </c>
      <c r="C37" s="687"/>
      <c r="D37" s="686">
        <v>0</v>
      </c>
      <c r="E37" s="687"/>
      <c r="F37" s="686">
        <v>0</v>
      </c>
      <c r="G37" s="687"/>
      <c r="H37" s="427">
        <v>0</v>
      </c>
      <c r="I37" s="686">
        <v>0</v>
      </c>
      <c r="J37" s="687"/>
      <c r="K37" s="427">
        <v>0</v>
      </c>
      <c r="L37" s="428">
        <v>0</v>
      </c>
    </row>
    <row r="38" spans="1:14" ht="10.5" x14ac:dyDescent="0.2">
      <c r="A38" s="29" t="s">
        <v>26</v>
      </c>
      <c r="B38" s="686">
        <v>0</v>
      </c>
      <c r="C38" s="687"/>
      <c r="D38" s="686">
        <v>0</v>
      </c>
      <c r="E38" s="687"/>
      <c r="F38" s="686">
        <v>0</v>
      </c>
      <c r="G38" s="687"/>
      <c r="H38" s="427">
        <v>0</v>
      </c>
      <c r="I38" s="686">
        <v>0</v>
      </c>
      <c r="J38" s="687"/>
      <c r="K38" s="427">
        <v>0</v>
      </c>
      <c r="L38" s="428">
        <v>0</v>
      </c>
    </row>
    <row r="39" spans="1:14" ht="10.5" x14ac:dyDescent="0.2">
      <c r="A39" s="51" t="s">
        <v>27</v>
      </c>
      <c r="B39" s="686">
        <v>0</v>
      </c>
      <c r="C39" s="687"/>
      <c r="D39" s="686">
        <v>0</v>
      </c>
      <c r="E39" s="687"/>
      <c r="F39" s="686">
        <v>0</v>
      </c>
      <c r="G39" s="687"/>
      <c r="H39" s="427">
        <v>0</v>
      </c>
      <c r="I39" s="686">
        <v>0</v>
      </c>
      <c r="J39" s="687"/>
      <c r="K39" s="427">
        <v>0</v>
      </c>
      <c r="L39" s="428">
        <v>0</v>
      </c>
    </row>
    <row r="40" spans="1:14" ht="10.5" x14ac:dyDescent="0.2">
      <c r="A40" s="146" t="s">
        <v>28</v>
      </c>
      <c r="B40" s="686">
        <v>5700</v>
      </c>
      <c r="C40" s="687"/>
      <c r="D40" s="686">
        <v>5700</v>
      </c>
      <c r="E40" s="687"/>
      <c r="F40" s="686">
        <v>0</v>
      </c>
      <c r="G40" s="687"/>
      <c r="H40" s="427">
        <v>0</v>
      </c>
      <c r="I40" s="686">
        <v>0</v>
      </c>
      <c r="J40" s="687"/>
      <c r="K40" s="427">
        <v>0</v>
      </c>
      <c r="L40" s="428">
        <v>5700</v>
      </c>
    </row>
    <row r="41" spans="1:14" ht="10.5" x14ac:dyDescent="0.2">
      <c r="A41" s="146" t="s">
        <v>29</v>
      </c>
      <c r="B41" s="686">
        <v>0</v>
      </c>
      <c r="C41" s="687"/>
      <c r="D41" s="686">
        <v>0</v>
      </c>
      <c r="E41" s="687"/>
      <c r="F41" s="686">
        <v>0</v>
      </c>
      <c r="G41" s="687"/>
      <c r="H41" s="427">
        <v>0</v>
      </c>
      <c r="I41" s="686">
        <v>0</v>
      </c>
      <c r="J41" s="687"/>
      <c r="K41" s="427">
        <v>0</v>
      </c>
      <c r="L41" s="428">
        <v>0</v>
      </c>
      <c r="M41" s="56"/>
      <c r="N41" s="56"/>
    </row>
    <row r="42" spans="1:14" ht="10.5" x14ac:dyDescent="0.2">
      <c r="A42" s="29" t="s">
        <v>30</v>
      </c>
      <c r="B42" s="686">
        <v>0</v>
      </c>
      <c r="C42" s="687"/>
      <c r="D42" s="686">
        <v>0</v>
      </c>
      <c r="E42" s="687"/>
      <c r="F42" s="686">
        <v>0</v>
      </c>
      <c r="G42" s="687"/>
      <c r="H42" s="427">
        <v>0</v>
      </c>
      <c r="I42" s="686">
        <v>0</v>
      </c>
      <c r="J42" s="687"/>
      <c r="K42" s="427">
        <v>0</v>
      </c>
      <c r="L42" s="428">
        <v>0</v>
      </c>
    </row>
    <row r="43" spans="1:14" ht="10.5" x14ac:dyDescent="0.2">
      <c r="A43" s="29" t="s">
        <v>31</v>
      </c>
      <c r="B43" s="686">
        <v>0</v>
      </c>
      <c r="C43" s="687"/>
      <c r="D43" s="686">
        <v>0</v>
      </c>
      <c r="E43" s="687"/>
      <c r="F43" s="686">
        <v>0</v>
      </c>
      <c r="G43" s="687"/>
      <c r="H43" s="427">
        <v>0</v>
      </c>
      <c r="I43" s="686">
        <v>0</v>
      </c>
      <c r="J43" s="687"/>
      <c r="K43" s="427">
        <v>0</v>
      </c>
      <c r="L43" s="428">
        <v>0</v>
      </c>
    </row>
    <row r="44" spans="1:14" ht="10.5" x14ac:dyDescent="0.2">
      <c r="A44" s="29" t="s">
        <v>32</v>
      </c>
      <c r="B44" s="686">
        <v>0</v>
      </c>
      <c r="C44" s="687"/>
      <c r="D44" s="686">
        <v>0</v>
      </c>
      <c r="E44" s="687"/>
      <c r="F44" s="686">
        <v>0</v>
      </c>
      <c r="G44" s="687"/>
      <c r="H44" s="427">
        <v>0</v>
      </c>
      <c r="I44" s="686">
        <v>0</v>
      </c>
      <c r="J44" s="687"/>
      <c r="K44" s="427">
        <v>0</v>
      </c>
      <c r="L44" s="428">
        <v>0</v>
      </c>
    </row>
    <row r="45" spans="1:14" ht="10.5" x14ac:dyDescent="0.2">
      <c r="A45" s="29" t="s">
        <v>33</v>
      </c>
      <c r="B45" s="686">
        <v>0</v>
      </c>
      <c r="C45" s="687"/>
      <c r="D45" s="686">
        <v>0</v>
      </c>
      <c r="E45" s="687"/>
      <c r="F45" s="686">
        <v>0</v>
      </c>
      <c r="G45" s="687"/>
      <c r="H45" s="427">
        <v>0</v>
      </c>
      <c r="I45" s="686">
        <v>0</v>
      </c>
      <c r="J45" s="687"/>
      <c r="K45" s="427">
        <v>0</v>
      </c>
      <c r="L45" s="428">
        <v>0</v>
      </c>
    </row>
    <row r="46" spans="1:14" ht="10.5" x14ac:dyDescent="0.2">
      <c r="A46" s="29" t="s">
        <v>34</v>
      </c>
      <c r="B46" s="686">
        <v>0</v>
      </c>
      <c r="C46" s="687"/>
      <c r="D46" s="686">
        <v>0</v>
      </c>
      <c r="E46" s="687"/>
      <c r="F46" s="686">
        <v>0</v>
      </c>
      <c r="G46" s="687"/>
      <c r="H46" s="427">
        <v>0</v>
      </c>
      <c r="I46" s="686">
        <v>0</v>
      </c>
      <c r="J46" s="687"/>
      <c r="K46" s="427">
        <v>0</v>
      </c>
      <c r="L46" s="428">
        <v>0</v>
      </c>
    </row>
    <row r="47" spans="1:14" ht="10.5" x14ac:dyDescent="0.2">
      <c r="A47" s="52" t="s">
        <v>35</v>
      </c>
      <c r="B47" s="686">
        <v>0</v>
      </c>
      <c r="C47" s="687"/>
      <c r="D47" s="686">
        <v>0</v>
      </c>
      <c r="E47" s="687"/>
      <c r="F47" s="686">
        <v>0</v>
      </c>
      <c r="G47" s="687"/>
      <c r="H47" s="427">
        <v>0</v>
      </c>
      <c r="I47" s="686">
        <v>0</v>
      </c>
      <c r="J47" s="687"/>
      <c r="K47" s="427">
        <v>0</v>
      </c>
      <c r="L47" s="428">
        <v>0</v>
      </c>
    </row>
    <row r="48" spans="1:14" ht="10.5" x14ac:dyDescent="0.2">
      <c r="A48" s="146" t="s">
        <v>36</v>
      </c>
      <c r="B48" s="686">
        <v>40871500</v>
      </c>
      <c r="C48" s="687"/>
      <c r="D48" s="686">
        <v>63701716.969999999</v>
      </c>
      <c r="E48" s="687"/>
      <c r="F48" s="686">
        <v>63690216.969999999</v>
      </c>
      <c r="G48" s="687"/>
      <c r="H48" s="427">
        <v>99.981947111401382</v>
      </c>
      <c r="I48" s="686">
        <v>63690216.969999999</v>
      </c>
      <c r="J48" s="687"/>
      <c r="K48" s="427">
        <v>99.981947111401382</v>
      </c>
      <c r="L48" s="428">
        <v>11500</v>
      </c>
    </row>
    <row r="49" spans="1:14" ht="10.5" x14ac:dyDescent="0.2">
      <c r="A49" s="29" t="s">
        <v>37</v>
      </c>
      <c r="B49" s="686">
        <v>11500</v>
      </c>
      <c r="C49" s="687"/>
      <c r="D49" s="686">
        <v>11500</v>
      </c>
      <c r="E49" s="687"/>
      <c r="F49" s="686">
        <v>0</v>
      </c>
      <c r="G49" s="687"/>
      <c r="H49" s="427">
        <v>0</v>
      </c>
      <c r="I49" s="686">
        <v>0</v>
      </c>
      <c r="J49" s="687"/>
      <c r="K49" s="427">
        <v>0</v>
      </c>
      <c r="L49" s="428">
        <v>11500</v>
      </c>
    </row>
    <row r="50" spans="1:14" ht="10.5" x14ac:dyDescent="0.2">
      <c r="A50" s="29" t="s">
        <v>38</v>
      </c>
      <c r="B50" s="686">
        <v>0</v>
      </c>
      <c r="C50" s="687"/>
      <c r="D50" s="686">
        <v>0</v>
      </c>
      <c r="E50" s="687"/>
      <c r="F50" s="686">
        <v>0</v>
      </c>
      <c r="G50" s="687"/>
      <c r="H50" s="427">
        <v>0</v>
      </c>
      <c r="I50" s="686">
        <v>0</v>
      </c>
      <c r="J50" s="687"/>
      <c r="K50" s="427">
        <v>0</v>
      </c>
      <c r="L50" s="428">
        <v>0</v>
      </c>
    </row>
    <row r="51" spans="1:14" ht="10.5" x14ac:dyDescent="0.2">
      <c r="A51" s="29" t="s">
        <v>39</v>
      </c>
      <c r="B51" s="686">
        <v>0</v>
      </c>
      <c r="C51" s="687"/>
      <c r="D51" s="686">
        <v>0</v>
      </c>
      <c r="E51" s="687"/>
      <c r="F51" s="686">
        <v>0</v>
      </c>
      <c r="G51" s="687"/>
      <c r="H51" s="427">
        <v>0</v>
      </c>
      <c r="I51" s="686">
        <v>0</v>
      </c>
      <c r="J51" s="687"/>
      <c r="K51" s="427">
        <v>0</v>
      </c>
      <c r="L51" s="428">
        <v>0</v>
      </c>
    </row>
    <row r="52" spans="1:14" ht="21" x14ac:dyDescent="0.2">
      <c r="A52" s="50" t="s">
        <v>371</v>
      </c>
      <c r="B52" s="686">
        <v>0</v>
      </c>
      <c r="C52" s="687"/>
      <c r="D52" s="686">
        <v>0</v>
      </c>
      <c r="E52" s="687"/>
      <c r="F52" s="686">
        <v>0</v>
      </c>
      <c r="G52" s="687"/>
      <c r="H52" s="427">
        <v>0</v>
      </c>
      <c r="I52" s="686">
        <v>0</v>
      </c>
      <c r="J52" s="687"/>
      <c r="K52" s="427">
        <v>0</v>
      </c>
      <c r="L52" s="428">
        <v>0</v>
      </c>
    </row>
    <row r="53" spans="1:14" ht="10.5" x14ac:dyDescent="0.2">
      <c r="A53" s="52" t="s">
        <v>54</v>
      </c>
      <c r="B53" s="686">
        <v>40860000</v>
      </c>
      <c r="C53" s="687"/>
      <c r="D53" s="686">
        <v>63690216.969999999</v>
      </c>
      <c r="E53" s="687"/>
      <c r="F53" s="686">
        <v>63690216.969999999</v>
      </c>
      <c r="G53" s="687"/>
      <c r="H53" s="427">
        <v>100</v>
      </c>
      <c r="I53" s="686">
        <v>63690216.969999999</v>
      </c>
      <c r="J53" s="687"/>
      <c r="K53" s="427">
        <v>100</v>
      </c>
      <c r="L53" s="428">
        <v>0</v>
      </c>
    </row>
    <row r="54" spans="1:14" ht="10.5" x14ac:dyDescent="0.2">
      <c r="A54" s="146" t="s">
        <v>40</v>
      </c>
      <c r="B54" s="698">
        <v>0</v>
      </c>
      <c r="C54" s="699"/>
      <c r="D54" s="698">
        <v>0</v>
      </c>
      <c r="E54" s="699"/>
      <c r="F54" s="698">
        <v>0</v>
      </c>
      <c r="G54" s="699"/>
      <c r="H54" s="425">
        <v>0</v>
      </c>
      <c r="I54" s="698">
        <v>0</v>
      </c>
      <c r="J54" s="699"/>
      <c r="K54" s="425">
        <v>0</v>
      </c>
      <c r="L54" s="469">
        <v>0</v>
      </c>
    </row>
    <row r="55" spans="1:14" ht="10.5" x14ac:dyDescent="0.2">
      <c r="A55" s="146" t="s">
        <v>41</v>
      </c>
      <c r="B55" s="686">
        <v>0</v>
      </c>
      <c r="C55" s="687"/>
      <c r="D55" s="686">
        <v>0</v>
      </c>
      <c r="E55" s="687"/>
      <c r="F55" s="686">
        <v>0</v>
      </c>
      <c r="G55" s="687"/>
      <c r="H55" s="427">
        <v>0</v>
      </c>
      <c r="I55" s="686">
        <v>0</v>
      </c>
      <c r="J55" s="687"/>
      <c r="K55" s="427">
        <v>0</v>
      </c>
      <c r="L55" s="428">
        <v>0</v>
      </c>
    </row>
    <row r="56" spans="1:14" ht="10.5" x14ac:dyDescent="0.2">
      <c r="A56" s="29" t="s">
        <v>42</v>
      </c>
      <c r="B56" s="686">
        <v>0</v>
      </c>
      <c r="C56" s="687"/>
      <c r="D56" s="686">
        <v>0</v>
      </c>
      <c r="E56" s="687"/>
      <c r="F56" s="686">
        <v>0</v>
      </c>
      <c r="G56" s="687"/>
      <c r="H56" s="427">
        <v>0</v>
      </c>
      <c r="I56" s="686">
        <v>0</v>
      </c>
      <c r="J56" s="687"/>
      <c r="K56" s="427">
        <v>0</v>
      </c>
      <c r="L56" s="428">
        <v>0</v>
      </c>
    </row>
    <row r="57" spans="1:14" ht="10.5" x14ac:dyDescent="0.2">
      <c r="A57" s="29" t="s">
        <v>43</v>
      </c>
      <c r="B57" s="686">
        <v>0</v>
      </c>
      <c r="C57" s="687"/>
      <c r="D57" s="686">
        <v>0</v>
      </c>
      <c r="E57" s="687"/>
      <c r="F57" s="686">
        <v>0</v>
      </c>
      <c r="G57" s="687"/>
      <c r="H57" s="427">
        <v>0</v>
      </c>
      <c r="I57" s="686">
        <v>0</v>
      </c>
      <c r="J57" s="687"/>
      <c r="K57" s="427">
        <v>0</v>
      </c>
      <c r="L57" s="428">
        <v>0</v>
      </c>
    </row>
    <row r="58" spans="1:14" ht="10.5" x14ac:dyDescent="0.2">
      <c r="A58" s="146" t="s">
        <v>44</v>
      </c>
      <c r="B58" s="686">
        <v>0</v>
      </c>
      <c r="C58" s="687"/>
      <c r="D58" s="686">
        <v>0</v>
      </c>
      <c r="E58" s="687"/>
      <c r="F58" s="686">
        <v>0</v>
      </c>
      <c r="G58" s="687"/>
      <c r="H58" s="427">
        <v>0</v>
      </c>
      <c r="I58" s="686">
        <v>0</v>
      </c>
      <c r="J58" s="687"/>
      <c r="K58" s="427">
        <v>0</v>
      </c>
      <c r="L58" s="428">
        <v>0</v>
      </c>
      <c r="M58" s="56"/>
      <c r="N58" s="56"/>
    </row>
    <row r="59" spans="1:14" ht="10.5" x14ac:dyDescent="0.2">
      <c r="A59" s="29" t="s">
        <v>45</v>
      </c>
      <c r="B59" s="686">
        <v>0</v>
      </c>
      <c r="C59" s="687"/>
      <c r="D59" s="686">
        <v>0</v>
      </c>
      <c r="E59" s="687"/>
      <c r="F59" s="686">
        <v>0</v>
      </c>
      <c r="G59" s="687"/>
      <c r="H59" s="427">
        <v>0</v>
      </c>
      <c r="I59" s="686">
        <v>0</v>
      </c>
      <c r="J59" s="687"/>
      <c r="K59" s="427">
        <v>0</v>
      </c>
      <c r="L59" s="428">
        <v>0</v>
      </c>
    </row>
    <row r="60" spans="1:14" ht="10.5" x14ac:dyDescent="0.2">
      <c r="A60" s="29" t="s">
        <v>46</v>
      </c>
      <c r="B60" s="686">
        <v>0</v>
      </c>
      <c r="C60" s="687"/>
      <c r="D60" s="686">
        <v>0</v>
      </c>
      <c r="E60" s="687"/>
      <c r="F60" s="686">
        <v>0</v>
      </c>
      <c r="G60" s="687"/>
      <c r="H60" s="427">
        <v>0</v>
      </c>
      <c r="I60" s="686">
        <v>0</v>
      </c>
      <c r="J60" s="687"/>
      <c r="K60" s="427">
        <v>0</v>
      </c>
      <c r="L60" s="428">
        <v>0</v>
      </c>
    </row>
    <row r="61" spans="1:14" ht="10.5" x14ac:dyDescent="0.2">
      <c r="A61" s="146" t="s">
        <v>47</v>
      </c>
      <c r="B61" s="686">
        <v>0</v>
      </c>
      <c r="C61" s="687"/>
      <c r="D61" s="686">
        <v>0</v>
      </c>
      <c r="E61" s="687"/>
      <c r="F61" s="686">
        <v>0</v>
      </c>
      <c r="G61" s="687"/>
      <c r="H61" s="427">
        <v>0</v>
      </c>
      <c r="I61" s="686">
        <v>0</v>
      </c>
      <c r="J61" s="687"/>
      <c r="K61" s="427">
        <v>0</v>
      </c>
      <c r="L61" s="428">
        <v>0</v>
      </c>
    </row>
    <row r="62" spans="1:14" ht="10.5" x14ac:dyDescent="0.2">
      <c r="A62" s="146" t="s">
        <v>48</v>
      </c>
      <c r="B62" s="686">
        <v>0</v>
      </c>
      <c r="C62" s="687"/>
      <c r="D62" s="686">
        <v>0</v>
      </c>
      <c r="E62" s="687"/>
      <c r="F62" s="686">
        <v>0</v>
      </c>
      <c r="G62" s="687"/>
      <c r="H62" s="427">
        <v>0</v>
      </c>
      <c r="I62" s="686">
        <v>0</v>
      </c>
      <c r="J62" s="687"/>
      <c r="K62" s="427">
        <v>0</v>
      </c>
      <c r="L62" s="428">
        <v>0</v>
      </c>
      <c r="M62" s="56"/>
      <c r="N62" s="56"/>
    </row>
    <row r="63" spans="1:14" ht="10.5" x14ac:dyDescent="0.2">
      <c r="A63" s="29" t="s">
        <v>30</v>
      </c>
      <c r="B63" s="686">
        <v>0</v>
      </c>
      <c r="C63" s="687"/>
      <c r="D63" s="686">
        <v>0</v>
      </c>
      <c r="E63" s="687"/>
      <c r="F63" s="686">
        <v>0</v>
      </c>
      <c r="G63" s="687"/>
      <c r="H63" s="427">
        <v>0</v>
      </c>
      <c r="I63" s="686">
        <v>0</v>
      </c>
      <c r="J63" s="687"/>
      <c r="K63" s="427">
        <v>0</v>
      </c>
      <c r="L63" s="428">
        <v>0</v>
      </c>
    </row>
    <row r="64" spans="1:14" ht="10.5" x14ac:dyDescent="0.2">
      <c r="A64" s="29" t="s">
        <v>31</v>
      </c>
      <c r="B64" s="686">
        <v>0</v>
      </c>
      <c r="C64" s="687"/>
      <c r="D64" s="686">
        <v>0</v>
      </c>
      <c r="E64" s="687"/>
      <c r="F64" s="686">
        <v>0</v>
      </c>
      <c r="G64" s="687"/>
      <c r="H64" s="427">
        <v>0</v>
      </c>
      <c r="I64" s="686">
        <v>0</v>
      </c>
      <c r="J64" s="687"/>
      <c r="K64" s="427">
        <v>0</v>
      </c>
      <c r="L64" s="428">
        <v>0</v>
      </c>
    </row>
    <row r="65" spans="1:12" ht="10.5" x14ac:dyDescent="0.2">
      <c r="A65" s="29" t="s">
        <v>32</v>
      </c>
      <c r="B65" s="686">
        <v>0</v>
      </c>
      <c r="C65" s="687"/>
      <c r="D65" s="686">
        <v>0</v>
      </c>
      <c r="E65" s="687"/>
      <c r="F65" s="686">
        <v>0</v>
      </c>
      <c r="G65" s="687"/>
      <c r="H65" s="427">
        <v>0</v>
      </c>
      <c r="I65" s="686">
        <v>0</v>
      </c>
      <c r="J65" s="687"/>
      <c r="K65" s="427">
        <v>0</v>
      </c>
      <c r="L65" s="428">
        <v>0</v>
      </c>
    </row>
    <row r="66" spans="1:12" ht="10.5" x14ac:dyDescent="0.2">
      <c r="A66" s="29" t="s">
        <v>33</v>
      </c>
      <c r="B66" s="686">
        <v>0</v>
      </c>
      <c r="C66" s="687"/>
      <c r="D66" s="686">
        <v>0</v>
      </c>
      <c r="E66" s="687"/>
      <c r="F66" s="686">
        <v>0</v>
      </c>
      <c r="G66" s="687"/>
      <c r="H66" s="427">
        <v>0</v>
      </c>
      <c r="I66" s="686">
        <v>0</v>
      </c>
      <c r="J66" s="687"/>
      <c r="K66" s="427">
        <v>0</v>
      </c>
      <c r="L66" s="428">
        <v>0</v>
      </c>
    </row>
    <row r="67" spans="1:12" ht="10.5" x14ac:dyDescent="0.2">
      <c r="A67" s="53" t="s">
        <v>49</v>
      </c>
      <c r="B67" s="686">
        <v>0</v>
      </c>
      <c r="C67" s="687"/>
      <c r="D67" s="686">
        <v>0</v>
      </c>
      <c r="E67" s="687"/>
      <c r="F67" s="686">
        <v>0</v>
      </c>
      <c r="G67" s="687"/>
      <c r="H67" s="427">
        <v>0</v>
      </c>
      <c r="I67" s="686">
        <v>0</v>
      </c>
      <c r="J67" s="687"/>
      <c r="K67" s="427">
        <v>0</v>
      </c>
      <c r="L67" s="428">
        <v>0</v>
      </c>
    </row>
    <row r="68" spans="1:12" ht="10.5" x14ac:dyDescent="0.2">
      <c r="A68" s="53" t="s">
        <v>34</v>
      </c>
      <c r="B68" s="686">
        <v>0</v>
      </c>
      <c r="C68" s="687"/>
      <c r="D68" s="686">
        <v>0</v>
      </c>
      <c r="E68" s="687"/>
      <c r="F68" s="686">
        <v>0</v>
      </c>
      <c r="G68" s="687"/>
      <c r="H68" s="427">
        <v>0</v>
      </c>
      <c r="I68" s="686">
        <v>0</v>
      </c>
      <c r="J68" s="687"/>
      <c r="K68" s="427">
        <v>0</v>
      </c>
      <c r="L68" s="428">
        <v>0</v>
      </c>
    </row>
    <row r="69" spans="1:12" ht="10.5" x14ac:dyDescent="0.2">
      <c r="A69" s="53" t="s">
        <v>35</v>
      </c>
      <c r="B69" s="686">
        <v>0</v>
      </c>
      <c r="C69" s="687"/>
      <c r="D69" s="686">
        <v>0</v>
      </c>
      <c r="E69" s="687"/>
      <c r="F69" s="686">
        <v>0</v>
      </c>
      <c r="G69" s="687"/>
      <c r="H69" s="427">
        <v>0</v>
      </c>
      <c r="I69" s="686">
        <v>0</v>
      </c>
      <c r="J69" s="687"/>
      <c r="K69" s="427">
        <v>0</v>
      </c>
      <c r="L69" s="428">
        <v>0</v>
      </c>
    </row>
    <row r="70" spans="1:12" ht="10.5" x14ac:dyDescent="0.2">
      <c r="A70" s="146" t="s">
        <v>50</v>
      </c>
      <c r="B70" s="686">
        <v>0</v>
      </c>
      <c r="C70" s="687"/>
      <c r="D70" s="686">
        <v>0</v>
      </c>
      <c r="E70" s="687"/>
      <c r="F70" s="686">
        <v>0</v>
      </c>
      <c r="G70" s="687"/>
      <c r="H70" s="427">
        <v>0</v>
      </c>
      <c r="I70" s="686">
        <v>0</v>
      </c>
      <c r="J70" s="687"/>
      <c r="K70" s="427">
        <v>0</v>
      </c>
      <c r="L70" s="428">
        <v>0</v>
      </c>
    </row>
    <row r="71" spans="1:12" ht="10.5" x14ac:dyDescent="0.2">
      <c r="A71" s="29" t="s">
        <v>51</v>
      </c>
      <c r="B71" s="686">
        <v>0</v>
      </c>
      <c r="C71" s="687"/>
      <c r="D71" s="686">
        <v>0</v>
      </c>
      <c r="E71" s="687"/>
      <c r="F71" s="686">
        <v>0</v>
      </c>
      <c r="G71" s="687"/>
      <c r="H71" s="427">
        <v>0</v>
      </c>
      <c r="I71" s="686">
        <v>0</v>
      </c>
      <c r="J71" s="687"/>
      <c r="K71" s="427">
        <v>0</v>
      </c>
      <c r="L71" s="428">
        <v>0</v>
      </c>
    </row>
    <row r="72" spans="1:12" ht="10.5" x14ac:dyDescent="0.2">
      <c r="A72" s="54" t="s">
        <v>52</v>
      </c>
      <c r="B72" s="686">
        <v>0</v>
      </c>
      <c r="C72" s="687"/>
      <c r="D72" s="686">
        <v>0</v>
      </c>
      <c r="E72" s="687"/>
      <c r="F72" s="686">
        <v>0</v>
      </c>
      <c r="G72" s="687"/>
      <c r="H72" s="427">
        <v>0</v>
      </c>
      <c r="I72" s="686">
        <v>0</v>
      </c>
      <c r="J72" s="687"/>
      <c r="K72" s="427">
        <v>0</v>
      </c>
      <c r="L72" s="428">
        <v>0</v>
      </c>
    </row>
    <row r="73" spans="1:12" ht="10.5" x14ac:dyDescent="0.2">
      <c r="A73" s="429" t="s">
        <v>53</v>
      </c>
      <c r="B73" s="688">
        <v>0</v>
      </c>
      <c r="C73" s="689"/>
      <c r="D73" s="688">
        <v>0</v>
      </c>
      <c r="E73" s="689"/>
      <c r="F73" s="688">
        <v>0</v>
      </c>
      <c r="G73" s="689"/>
      <c r="H73" s="430">
        <v>0</v>
      </c>
      <c r="I73" s="688">
        <v>0</v>
      </c>
      <c r="J73" s="689"/>
      <c r="K73" s="430">
        <v>0</v>
      </c>
      <c r="L73" s="431">
        <v>0</v>
      </c>
    </row>
    <row r="74" spans="1:12" ht="5.0999999999999996" customHeight="1" x14ac:dyDescent="0.2">
      <c r="F74" s="56"/>
      <c r="G74" s="56"/>
      <c r="H74" s="56"/>
      <c r="I74" s="56"/>
      <c r="J74" s="56"/>
      <c r="K74" s="56"/>
      <c r="L74" s="56"/>
    </row>
    <row r="75" spans="1:12" ht="5.0999999999999996" customHeight="1" x14ac:dyDescent="0.2">
      <c r="F75" s="56"/>
      <c r="G75" s="56"/>
      <c r="H75" s="56"/>
      <c r="I75" s="56"/>
      <c r="J75" s="56"/>
      <c r="K75" s="56"/>
      <c r="L75" s="56"/>
    </row>
    <row r="76" spans="1:12" ht="10.5" x14ac:dyDescent="0.2">
      <c r="A76" s="721" t="s">
        <v>536</v>
      </c>
      <c r="B76" s="420" t="s">
        <v>157</v>
      </c>
      <c r="C76" s="420" t="s">
        <v>157</v>
      </c>
      <c r="D76" s="707" t="s">
        <v>158</v>
      </c>
      <c r="E76" s="716"/>
      <c r="F76" s="729" t="s">
        <v>161</v>
      </c>
      <c r="G76" s="707" t="s">
        <v>159</v>
      </c>
      <c r="H76" s="708"/>
      <c r="I76" s="758" t="s">
        <v>161</v>
      </c>
      <c r="J76" s="760" t="s">
        <v>534</v>
      </c>
      <c r="K76" s="709" t="s">
        <v>635</v>
      </c>
      <c r="L76" s="710"/>
    </row>
    <row r="77" spans="1:12" ht="10.5" x14ac:dyDescent="0.2">
      <c r="A77" s="722"/>
      <c r="B77" s="421" t="s">
        <v>111</v>
      </c>
      <c r="C77" s="421" t="s">
        <v>112</v>
      </c>
      <c r="D77" s="59" t="s">
        <v>429</v>
      </c>
      <c r="E77" s="59" t="s">
        <v>430</v>
      </c>
      <c r="F77" s="730"/>
      <c r="G77" s="59" t="s">
        <v>429</v>
      </c>
      <c r="H77" s="60" t="s">
        <v>430</v>
      </c>
      <c r="I77" s="759"/>
      <c r="J77" s="761"/>
      <c r="K77" s="711"/>
      <c r="L77" s="712"/>
    </row>
    <row r="78" spans="1:12" ht="10.5" x14ac:dyDescent="0.2">
      <c r="A78" s="722"/>
      <c r="B78" s="421"/>
      <c r="C78" s="421"/>
      <c r="D78" s="60" t="s">
        <v>121</v>
      </c>
      <c r="E78" s="60" t="s">
        <v>121</v>
      </c>
      <c r="F78" s="730"/>
      <c r="G78" s="60" t="s">
        <v>121</v>
      </c>
      <c r="H78" s="60" t="s">
        <v>121</v>
      </c>
      <c r="I78" s="759"/>
      <c r="J78" s="761"/>
      <c r="K78" s="711"/>
      <c r="L78" s="712"/>
    </row>
    <row r="79" spans="1:12" s="396" customFormat="1" ht="15" customHeight="1" x14ac:dyDescent="0.2">
      <c r="A79" s="723"/>
      <c r="B79" s="393" t="s">
        <v>162</v>
      </c>
      <c r="C79" s="393" t="s">
        <v>163</v>
      </c>
      <c r="D79" s="395"/>
      <c r="E79" s="393" t="s">
        <v>233</v>
      </c>
      <c r="F79" s="394" t="s">
        <v>538</v>
      </c>
      <c r="G79" s="395"/>
      <c r="H79" s="393" t="s">
        <v>165</v>
      </c>
      <c r="I79" s="393" t="s">
        <v>539</v>
      </c>
      <c r="J79" s="393" t="s">
        <v>349</v>
      </c>
      <c r="K79" s="713"/>
      <c r="L79" s="714"/>
    </row>
    <row r="80" spans="1:12" ht="10.5" x14ac:dyDescent="0.2">
      <c r="A80" s="151" t="s">
        <v>851</v>
      </c>
      <c r="B80" s="493">
        <v>993939500</v>
      </c>
      <c r="C80" s="493">
        <v>1054624627.3099999</v>
      </c>
      <c r="D80" s="493">
        <v>376308690.50999999</v>
      </c>
      <c r="E80" s="493">
        <v>376308690.50999999</v>
      </c>
      <c r="F80" s="493">
        <v>678315936.79999995</v>
      </c>
      <c r="G80" s="493">
        <v>192314669.41</v>
      </c>
      <c r="H80" s="493">
        <v>192314669.41</v>
      </c>
      <c r="I80" s="493">
        <v>862309957.89999998</v>
      </c>
      <c r="J80" s="493">
        <v>141533114.69999999</v>
      </c>
      <c r="K80" s="696">
        <v>0</v>
      </c>
      <c r="L80" s="762"/>
    </row>
    <row r="81" spans="1:12" ht="10.5" x14ac:dyDescent="0.2">
      <c r="A81" s="62" t="s">
        <v>86</v>
      </c>
      <c r="B81" s="493">
        <v>993939500</v>
      </c>
      <c r="C81" s="493">
        <v>1054624627.3099999</v>
      </c>
      <c r="D81" s="493">
        <v>376308690.50999999</v>
      </c>
      <c r="E81" s="493">
        <v>376308690.50999999</v>
      </c>
      <c r="F81" s="493">
        <v>678315936.79999995</v>
      </c>
      <c r="G81" s="493">
        <v>192314669.41</v>
      </c>
      <c r="H81" s="493">
        <v>192314669.41</v>
      </c>
      <c r="I81" s="493">
        <v>862309957.9000001</v>
      </c>
      <c r="J81" s="493">
        <v>141533114.69999999</v>
      </c>
      <c r="K81" s="686">
        <v>0</v>
      </c>
      <c r="L81" s="706"/>
    </row>
    <row r="82" spans="1:12" s="44" customFormat="1" ht="10.5" x14ac:dyDescent="0.2">
      <c r="A82" s="62" t="s">
        <v>87</v>
      </c>
      <c r="B82" s="427">
        <v>713422400</v>
      </c>
      <c r="C82" s="427">
        <v>740240304.5</v>
      </c>
      <c r="D82" s="427">
        <v>228332054.75999999</v>
      </c>
      <c r="E82" s="427">
        <v>228332054.75999999</v>
      </c>
      <c r="F82" s="427">
        <v>511908249.74000001</v>
      </c>
      <c r="G82" s="428">
        <v>118155131.17</v>
      </c>
      <c r="H82" s="428">
        <v>118155131.17</v>
      </c>
      <c r="I82" s="428">
        <v>622085173.33000004</v>
      </c>
      <c r="J82" s="427">
        <v>78119607.599999994</v>
      </c>
      <c r="K82" s="686"/>
      <c r="L82" s="706"/>
    </row>
    <row r="83" spans="1:12" ht="10.5" x14ac:dyDescent="0.2">
      <c r="A83" s="62" t="s">
        <v>88</v>
      </c>
      <c r="B83" s="427">
        <v>0</v>
      </c>
      <c r="C83" s="427">
        <v>0</v>
      </c>
      <c r="D83" s="427">
        <v>0</v>
      </c>
      <c r="E83" s="427">
        <v>0</v>
      </c>
      <c r="F83" s="427">
        <v>0</v>
      </c>
      <c r="G83" s="428">
        <v>0</v>
      </c>
      <c r="H83" s="428">
        <v>0</v>
      </c>
      <c r="I83" s="428">
        <v>0</v>
      </c>
      <c r="J83" s="427">
        <v>0</v>
      </c>
      <c r="K83" s="686"/>
      <c r="L83" s="706"/>
    </row>
    <row r="84" spans="1:12" ht="10.5" x14ac:dyDescent="0.2">
      <c r="A84" s="62" t="s">
        <v>89</v>
      </c>
      <c r="B84" s="494">
        <v>280517100</v>
      </c>
      <c r="C84" s="494">
        <v>314384322.81</v>
      </c>
      <c r="D84" s="494">
        <v>147976635.75</v>
      </c>
      <c r="E84" s="494">
        <v>147976635.75</v>
      </c>
      <c r="F84" s="494">
        <v>166407687.06</v>
      </c>
      <c r="G84" s="494">
        <v>74159538.239999995</v>
      </c>
      <c r="H84" s="494">
        <v>74159538.239999995</v>
      </c>
      <c r="I84" s="494">
        <v>240224784.56999999</v>
      </c>
      <c r="J84" s="494">
        <v>63413507.100000001</v>
      </c>
      <c r="K84" s="686">
        <v>0</v>
      </c>
      <c r="L84" s="706"/>
    </row>
    <row r="85" spans="1:12" ht="10.5" x14ac:dyDescent="0.2">
      <c r="A85" s="63" t="s">
        <v>735</v>
      </c>
      <c r="B85" s="427">
        <v>0</v>
      </c>
      <c r="C85" s="427">
        <v>0</v>
      </c>
      <c r="D85" s="427">
        <v>0</v>
      </c>
      <c r="E85" s="427">
        <v>0</v>
      </c>
      <c r="F85" s="427">
        <v>0</v>
      </c>
      <c r="G85" s="428">
        <v>0</v>
      </c>
      <c r="H85" s="428">
        <v>0</v>
      </c>
      <c r="I85" s="428">
        <v>0</v>
      </c>
      <c r="J85" s="427">
        <v>0</v>
      </c>
      <c r="K85" s="686"/>
      <c r="L85" s="706"/>
    </row>
    <row r="86" spans="1:12" ht="10.5" x14ac:dyDescent="0.2">
      <c r="A86" s="63" t="s">
        <v>736</v>
      </c>
      <c r="B86" s="427">
        <v>280517100</v>
      </c>
      <c r="C86" s="427">
        <v>314384322.81</v>
      </c>
      <c r="D86" s="427">
        <v>147976635.75</v>
      </c>
      <c r="E86" s="427">
        <v>147976635.75</v>
      </c>
      <c r="F86" s="427">
        <v>166407687.06</v>
      </c>
      <c r="G86" s="428">
        <v>74159538.239999995</v>
      </c>
      <c r="H86" s="428">
        <v>74159538.239999995</v>
      </c>
      <c r="I86" s="428">
        <v>240224784.56999999</v>
      </c>
      <c r="J86" s="427">
        <v>63413507.100000001</v>
      </c>
      <c r="K86" s="686"/>
      <c r="L86" s="706"/>
    </row>
    <row r="87" spans="1:12" s="44" customFormat="1" ht="10.5" x14ac:dyDescent="0.2">
      <c r="A87" s="62" t="s">
        <v>90</v>
      </c>
      <c r="B87" s="494">
        <v>0</v>
      </c>
      <c r="C87" s="494">
        <v>0</v>
      </c>
      <c r="D87" s="494">
        <v>0</v>
      </c>
      <c r="E87" s="494">
        <v>0</v>
      </c>
      <c r="F87" s="494">
        <v>0</v>
      </c>
      <c r="G87" s="494">
        <v>0</v>
      </c>
      <c r="H87" s="494">
        <v>0</v>
      </c>
      <c r="I87" s="494">
        <v>0</v>
      </c>
      <c r="J87" s="494">
        <v>0</v>
      </c>
      <c r="K87" s="686">
        <v>0</v>
      </c>
      <c r="L87" s="706"/>
    </row>
    <row r="88" spans="1:12" ht="10.5" x14ac:dyDescent="0.2">
      <c r="A88" s="56" t="s">
        <v>91</v>
      </c>
      <c r="B88" s="427">
        <v>0</v>
      </c>
      <c r="C88" s="427">
        <v>0</v>
      </c>
      <c r="D88" s="427">
        <v>0</v>
      </c>
      <c r="E88" s="427">
        <v>0</v>
      </c>
      <c r="F88" s="427">
        <v>0</v>
      </c>
      <c r="G88" s="428">
        <v>0</v>
      </c>
      <c r="H88" s="428">
        <v>0</v>
      </c>
      <c r="I88" s="428">
        <v>0</v>
      </c>
      <c r="J88" s="427">
        <v>0</v>
      </c>
      <c r="K88" s="686"/>
      <c r="L88" s="706"/>
    </row>
    <row r="89" spans="1:12" ht="10.5" x14ac:dyDescent="0.2">
      <c r="A89" s="56" t="s">
        <v>92</v>
      </c>
      <c r="B89" s="427">
        <v>0</v>
      </c>
      <c r="C89" s="427">
        <v>0</v>
      </c>
      <c r="D89" s="427">
        <v>0</v>
      </c>
      <c r="E89" s="427">
        <v>0</v>
      </c>
      <c r="F89" s="427">
        <v>0</v>
      </c>
      <c r="G89" s="428">
        <v>0</v>
      </c>
      <c r="H89" s="428">
        <v>0</v>
      </c>
      <c r="I89" s="428">
        <v>0</v>
      </c>
      <c r="J89" s="427">
        <v>0</v>
      </c>
      <c r="K89" s="686"/>
      <c r="L89" s="706"/>
    </row>
    <row r="90" spans="1:12" ht="10.5" x14ac:dyDescent="0.2">
      <c r="A90" s="56" t="s">
        <v>93</v>
      </c>
      <c r="B90" s="427">
        <v>0</v>
      </c>
      <c r="C90" s="427">
        <v>0</v>
      </c>
      <c r="D90" s="427">
        <v>0</v>
      </c>
      <c r="E90" s="427">
        <v>0</v>
      </c>
      <c r="F90" s="427">
        <v>0</v>
      </c>
      <c r="G90" s="428">
        <v>0</v>
      </c>
      <c r="H90" s="428">
        <v>0</v>
      </c>
      <c r="I90" s="428">
        <v>0</v>
      </c>
      <c r="J90" s="427">
        <v>0</v>
      </c>
      <c r="K90" s="688"/>
      <c r="L90" s="727"/>
    </row>
    <row r="91" spans="1:12" ht="10.5" x14ac:dyDescent="0.2">
      <c r="A91" s="74" t="s">
        <v>848</v>
      </c>
      <c r="B91" s="678"/>
      <c r="C91" s="678"/>
      <c r="D91" s="154"/>
      <c r="E91" s="154"/>
      <c r="F91" s="450"/>
      <c r="G91" s="154"/>
      <c r="H91" s="154"/>
      <c r="I91" s="450"/>
      <c r="J91" s="154"/>
      <c r="K91" s="154"/>
    </row>
    <row r="92" spans="1:12" ht="10.5" x14ac:dyDescent="0.2">
      <c r="B92" s="459"/>
      <c r="C92" s="459"/>
      <c r="D92" s="459"/>
      <c r="E92" s="459"/>
      <c r="G92" s="459"/>
      <c r="H92" s="459"/>
      <c r="I92" s="204"/>
      <c r="J92" s="204"/>
    </row>
    <row r="93" spans="1:12" ht="10.5" x14ac:dyDescent="0.2">
      <c r="D93" s="204"/>
      <c r="J93" s="204"/>
    </row>
    <row r="94" spans="1:12" ht="10.5" x14ac:dyDescent="0.2">
      <c r="D94" s="204"/>
    </row>
  </sheetData>
  <customSheetViews>
    <customSheetView guid="{C779D862-DE28-46CD-A428-4AAA1056D1E1}" showPageBreaks="1" showGridLines="0" fitToPage="1" printArea="1">
      <selection activeCell="A7" sqref="A7:L7"/>
      <pageMargins left="0.19685039370078741" right="0.19685039370078741" top="0.39370078740157483" bottom="0.19685039370078741" header="0" footer="0"/>
      <printOptions horizontalCentered="1"/>
      <pageSetup paperSize="9" scale="40" orientation="portrait" r:id="rId1"/>
    </customSheetView>
    <customSheetView guid="{B467DF90-BD78-4523-834B-7425556A2F17}" showPageBreaks="1" showGridLines="0" fitToPage="1" printArea="1" topLeftCell="D1">
      <selection activeCell="H9" sqref="H9"/>
      <pageMargins left="0.19685039370078741" right="0.19685039370078741" top="0.39370078740157483" bottom="0.19685039370078741" header="0" footer="0"/>
      <printOptions horizontalCentered="1"/>
      <pageSetup paperSize="9" scale="40" orientation="portrait" r:id="rId2"/>
    </customSheetView>
    <customSheetView guid="{3AAF6A5F-F9AA-430B-9AD9-1261ECDF41B5}" showPageBreaks="1" showGridLines="0" fitToPage="1" printArea="1" topLeftCell="A70">
      <selection activeCell="G86" sqref="G86"/>
      <pageMargins left="0.19685039370078741" right="0.19685039370078741" top="0.39370078740157483" bottom="0.19685039370078741" header="0" footer="0"/>
      <printOptions horizontalCentered="1"/>
      <pageSetup paperSize="9" scale="39" orientation="portrait" r:id="rId3"/>
    </customSheetView>
    <customSheetView guid="{25EF1E0D-169B-4051-B414-7E1196FC05E4}" showPageBreaks="1" showGridLines="0" fitToPage="1" printArea="1" topLeftCell="D1">
      <selection activeCell="H9" sqref="H9"/>
      <pageMargins left="0.19685039370078741" right="0.19685039370078741" top="0.39370078740157483" bottom="0.19685039370078741" header="0" footer="0"/>
      <printOptions horizontalCentered="1"/>
      <pageSetup paperSize="9" scale="40" orientation="portrait" r:id="rId4"/>
    </customSheetView>
    <customSheetView guid="{6DBFA32C-4AA4-4E1D-9A48-697377C64CC3}" showPageBreaks="1" showGridLines="0" fitToPage="1" printArea="1" topLeftCell="A10">
      <selection activeCell="H9" sqref="H9"/>
      <pageMargins left="0.19685039370078741" right="0.19685039370078741" top="0.39370078740157483" bottom="0.19685039370078741" header="0" footer="0"/>
      <printOptions horizontalCentered="1"/>
      <pageSetup paperSize="9" scale="40" orientation="portrait" r:id="rId5"/>
    </customSheetView>
    <customSheetView guid="{82EDB5A4-4824-4632-A540-7A52C92F04C7}" scale="90" showPageBreaks="1" showGridLines="0" fitToPage="1" topLeftCell="A10">
      <pane xSplit="1" ySplit="3" topLeftCell="B71" activePane="bottomRight" state="frozen"/>
      <selection pane="bottomRight" activeCell="H95" sqref="H95"/>
      <pageMargins left="0.19685039370078741" right="0.19685039370078741" top="0.39370078740157483" bottom="0.19685039370078741" header="0" footer="0"/>
      <printOptions horizontalCentered="1"/>
      <pageSetup paperSize="9" scale="40" orientation="portrait" r:id="rId6"/>
    </customSheetView>
  </customSheetViews>
  <mergeCells count="278">
    <mergeCell ref="K85:L85"/>
    <mergeCell ref="K86:L86"/>
    <mergeCell ref="K87:L87"/>
    <mergeCell ref="K88:L88"/>
    <mergeCell ref="K89:L89"/>
    <mergeCell ref="K90:L90"/>
    <mergeCell ref="K76:L79"/>
    <mergeCell ref="K80:L80"/>
    <mergeCell ref="K81:L81"/>
    <mergeCell ref="K82:L82"/>
    <mergeCell ref="K83:L83"/>
    <mergeCell ref="K84:L84"/>
    <mergeCell ref="B73:C73"/>
    <mergeCell ref="D73:E73"/>
    <mergeCell ref="F73:G73"/>
    <mergeCell ref="I73:J73"/>
    <mergeCell ref="A76:A79"/>
    <mergeCell ref="D76:E76"/>
    <mergeCell ref="F76:F78"/>
    <mergeCell ref="G76:H76"/>
    <mergeCell ref="I76:I78"/>
    <mergeCell ref="J76:J78"/>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s>
  <printOptions horizontalCentered="1"/>
  <pageMargins left="0.19685039370078741" right="0.19685039370078741" top="0.39370078740157483" bottom="0.19685039370078741" header="0" footer="0"/>
  <pageSetup paperSize="9" scale="40" orientation="portrait" r:id="rId7"/>
  <drawing r:id="rId8"/>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pageSetUpPr fitToPage="1"/>
  </sheetPr>
  <dimension ref="A1:M205"/>
  <sheetViews>
    <sheetView showGridLines="0" zoomScaleNormal="100" workbookViewId="0"/>
  </sheetViews>
  <sheetFormatPr defaultColWidth="9.140625" defaultRowHeight="11.25" customHeight="1" x14ac:dyDescent="0.2"/>
  <cols>
    <col min="1" max="1" width="45.28515625" style="56" customWidth="1"/>
    <col min="2" max="2" width="21.140625" style="45" customWidth="1"/>
    <col min="3" max="3" width="19.7109375" style="45" customWidth="1"/>
    <col min="4" max="4" width="19.28515625" style="45" customWidth="1"/>
    <col min="5" max="5" width="19.7109375" style="45" customWidth="1"/>
    <col min="6" max="6" width="10.5703125" style="45" customWidth="1"/>
    <col min="7" max="7" width="20.140625" style="45" bestFit="1" customWidth="1"/>
    <col min="8" max="8" width="18.7109375" style="45" customWidth="1"/>
    <col min="9" max="9" width="20.140625" style="45" bestFit="1" customWidth="1"/>
    <col min="10" max="10" width="14.85546875" style="45" customWidth="1"/>
    <col min="11" max="11" width="20.5703125" style="45" customWidth="1"/>
    <col min="12" max="12" width="16.42578125" style="45" customWidth="1"/>
    <col min="13" max="13" width="15.42578125" style="217" customWidth="1"/>
    <col min="14" max="14" width="15.42578125" style="188" customWidth="1"/>
    <col min="15" max="15" width="22" style="188" customWidth="1"/>
    <col min="16" max="16" width="13.42578125" style="188" customWidth="1"/>
    <col min="17" max="16384" width="9.140625" style="188"/>
  </cols>
  <sheetData>
    <row r="1" spans="1:13" s="26" customFormat="1" ht="10.5" x14ac:dyDescent="0.2">
      <c r="A1" s="128"/>
      <c r="M1" s="112"/>
    </row>
    <row r="2" spans="1:13" s="26" customFormat="1" ht="11.25" customHeight="1" x14ac:dyDescent="0.2">
      <c r="A2" s="128"/>
      <c r="M2" s="112"/>
    </row>
    <row r="3" spans="1:13" s="45" customFormat="1" ht="10.5" x14ac:dyDescent="0.2">
      <c r="A3" s="731" t="s">
        <v>637</v>
      </c>
      <c r="B3" s="731"/>
      <c r="C3" s="731"/>
      <c r="D3" s="731"/>
      <c r="E3" s="731"/>
      <c r="F3" s="731"/>
      <c r="G3" s="731"/>
      <c r="H3" s="731"/>
      <c r="I3" s="731"/>
      <c r="J3" s="731"/>
      <c r="K3" s="731"/>
      <c r="L3" s="731"/>
      <c r="M3" s="56"/>
    </row>
    <row r="4" spans="1:13" s="45" customFormat="1" ht="10.5" x14ac:dyDescent="0.2">
      <c r="A4" s="731" t="s">
        <v>105</v>
      </c>
      <c r="B4" s="731"/>
      <c r="C4" s="731"/>
      <c r="D4" s="731"/>
      <c r="E4" s="731"/>
      <c r="F4" s="731"/>
      <c r="G4" s="731"/>
      <c r="H4" s="731"/>
      <c r="I4" s="731"/>
      <c r="J4" s="731"/>
      <c r="K4" s="731"/>
      <c r="L4" s="731"/>
      <c r="M4" s="56"/>
    </row>
    <row r="5" spans="1:13" s="45" customFormat="1" ht="10.5" x14ac:dyDescent="0.2">
      <c r="A5" s="731" t="s">
        <v>168</v>
      </c>
      <c r="B5" s="731"/>
      <c r="C5" s="731"/>
      <c r="D5" s="731"/>
      <c r="E5" s="731"/>
      <c r="F5" s="731"/>
      <c r="G5" s="731"/>
      <c r="H5" s="731"/>
      <c r="I5" s="731"/>
      <c r="J5" s="731"/>
      <c r="K5" s="731"/>
      <c r="L5" s="731"/>
      <c r="M5" s="56"/>
    </row>
    <row r="6" spans="1:13" s="45" customFormat="1" ht="10.5" x14ac:dyDescent="0.2">
      <c r="A6" s="731" t="s">
        <v>107</v>
      </c>
      <c r="B6" s="731"/>
      <c r="C6" s="731"/>
      <c r="D6" s="731"/>
      <c r="E6" s="731"/>
      <c r="F6" s="731"/>
      <c r="G6" s="731"/>
      <c r="H6" s="731"/>
      <c r="I6" s="731"/>
      <c r="J6" s="731"/>
      <c r="K6" s="731"/>
      <c r="L6" s="731"/>
      <c r="M6" s="56"/>
    </row>
    <row r="7" spans="1:13" s="45" customFormat="1" ht="10.5" x14ac:dyDescent="0.2">
      <c r="A7" s="731" t="s">
        <v>863</v>
      </c>
      <c r="B7" s="731"/>
      <c r="C7" s="731"/>
      <c r="D7" s="731"/>
      <c r="E7" s="731"/>
      <c r="F7" s="731"/>
      <c r="G7" s="731"/>
      <c r="H7" s="731"/>
      <c r="I7" s="731"/>
      <c r="J7" s="731"/>
      <c r="K7" s="731"/>
      <c r="L7" s="731"/>
      <c r="M7" s="56"/>
    </row>
    <row r="8" spans="1:13" s="26" customFormat="1" ht="10.5" x14ac:dyDescent="0.2">
      <c r="A8" s="31"/>
      <c r="B8" s="46"/>
      <c r="C8" s="46"/>
      <c r="D8" s="46"/>
      <c r="E8" s="46"/>
      <c r="F8" s="46"/>
      <c r="G8" s="46"/>
      <c r="H8" s="46"/>
      <c r="I8" s="46"/>
      <c r="J8" s="46"/>
      <c r="K8" s="46"/>
      <c r="L8" s="46"/>
      <c r="M8" s="112"/>
    </row>
    <row r="9" spans="1:13" s="26" customFormat="1" ht="10.5" x14ac:dyDescent="0.2">
      <c r="A9" s="112" t="s">
        <v>362</v>
      </c>
      <c r="B9" s="112"/>
      <c r="L9" s="623">
        <v>1</v>
      </c>
      <c r="M9" s="112"/>
    </row>
    <row r="10" spans="1:13" ht="20.100000000000001" customHeight="1" x14ac:dyDescent="0.2">
      <c r="A10" s="109"/>
      <c r="B10" s="184" t="s">
        <v>157</v>
      </c>
      <c r="C10" s="184" t="s">
        <v>157</v>
      </c>
      <c r="D10" s="740" t="s">
        <v>158</v>
      </c>
      <c r="E10" s="741"/>
      <c r="F10" s="742"/>
      <c r="G10" s="729" t="s">
        <v>161</v>
      </c>
      <c r="H10" s="764" t="s">
        <v>159</v>
      </c>
      <c r="I10" s="765"/>
      <c r="J10" s="766"/>
      <c r="K10" s="729" t="s">
        <v>161</v>
      </c>
      <c r="L10" s="709" t="s">
        <v>731</v>
      </c>
    </row>
    <row r="11" spans="1:13" ht="20.100000000000001" customHeight="1" x14ac:dyDescent="0.15">
      <c r="A11" s="446" t="s">
        <v>169</v>
      </c>
      <c r="B11" s="186" t="s">
        <v>111</v>
      </c>
      <c r="C11" s="186" t="s">
        <v>112</v>
      </c>
      <c r="D11" s="767" t="s">
        <v>113</v>
      </c>
      <c r="E11" s="200" t="s">
        <v>115</v>
      </c>
      <c r="F11" s="200" t="s">
        <v>114</v>
      </c>
      <c r="G11" s="730"/>
      <c r="H11" s="767" t="s">
        <v>113</v>
      </c>
      <c r="I11" s="200" t="s">
        <v>115</v>
      </c>
      <c r="J11" s="200" t="s">
        <v>114</v>
      </c>
      <c r="K11" s="730"/>
      <c r="L11" s="711"/>
    </row>
    <row r="12" spans="1:13" s="19" customFormat="1" ht="20.100000000000001" customHeight="1" x14ac:dyDescent="0.2">
      <c r="A12" s="49"/>
      <c r="B12" s="110"/>
      <c r="C12" s="398" t="s">
        <v>116</v>
      </c>
      <c r="D12" s="768"/>
      <c r="E12" s="398" t="s">
        <v>117</v>
      </c>
      <c r="F12" s="398" t="s">
        <v>59</v>
      </c>
      <c r="G12" s="399" t="s">
        <v>279</v>
      </c>
      <c r="H12" s="768"/>
      <c r="I12" s="398" t="s">
        <v>162</v>
      </c>
      <c r="J12" s="398" t="s">
        <v>541</v>
      </c>
      <c r="K12" s="399" t="s">
        <v>540</v>
      </c>
      <c r="L12" s="713"/>
      <c r="M12" s="403"/>
    </row>
    <row r="13" spans="1:13" s="19" customFormat="1" ht="15" customHeight="1" x14ac:dyDescent="0.2">
      <c r="A13" s="142" t="s">
        <v>220</v>
      </c>
      <c r="B13" s="425">
        <v>12932585500</v>
      </c>
      <c r="C13" s="425">
        <v>12952325410.690001</v>
      </c>
      <c r="D13" s="425">
        <v>5382653182.4000006</v>
      </c>
      <c r="E13" s="425">
        <v>5382653182.4000006</v>
      </c>
      <c r="F13" s="425">
        <v>93.465685329848313</v>
      </c>
      <c r="G13" s="425">
        <v>7569672228.289999</v>
      </c>
      <c r="H13" s="425">
        <v>1670083788.7799993</v>
      </c>
      <c r="I13" s="425">
        <v>1670083788.7799993</v>
      </c>
      <c r="J13" s="425">
        <v>89.673817191789141</v>
      </c>
      <c r="K13" s="425">
        <v>11282241621.91</v>
      </c>
      <c r="L13" s="426">
        <v>0</v>
      </c>
      <c r="M13" s="403"/>
    </row>
    <row r="14" spans="1:13" s="19" customFormat="1" ht="10.5" x14ac:dyDescent="0.2">
      <c r="A14" s="142"/>
      <c r="B14" s="427"/>
      <c r="C14" s="427"/>
      <c r="D14" s="494"/>
      <c r="E14" s="494"/>
      <c r="F14" s="500"/>
      <c r="G14" s="494"/>
      <c r="H14" s="494"/>
      <c r="I14" s="494"/>
      <c r="J14" s="491"/>
      <c r="K14" s="500"/>
      <c r="L14" s="491"/>
      <c r="M14" s="403"/>
    </row>
    <row r="15" spans="1:13" s="185" customFormat="1" ht="10.5" x14ac:dyDescent="0.2">
      <c r="A15" s="142" t="s">
        <v>638</v>
      </c>
      <c r="B15" s="425">
        <v>363933000</v>
      </c>
      <c r="C15" s="425">
        <v>363933000</v>
      </c>
      <c r="D15" s="425">
        <v>150372824.82999998</v>
      </c>
      <c r="E15" s="425">
        <v>150372824.82999998</v>
      </c>
      <c r="F15" s="425">
        <v>2.6111099213444988</v>
      </c>
      <c r="G15" s="425">
        <v>213560175.17000002</v>
      </c>
      <c r="H15" s="425">
        <v>53818456.979999989</v>
      </c>
      <c r="I15" s="425">
        <v>53818456.979999989</v>
      </c>
      <c r="J15" s="425">
        <v>2.8897391287739946</v>
      </c>
      <c r="K15" s="425">
        <v>310114543.01999998</v>
      </c>
      <c r="L15" s="426">
        <v>0</v>
      </c>
      <c r="M15" s="404"/>
    </row>
    <row r="16" spans="1:13" s="264" customFormat="1" ht="10.5" customHeight="1" x14ac:dyDescent="0.2">
      <c r="A16" s="448" t="s">
        <v>639</v>
      </c>
      <c r="B16" s="436">
        <v>206657000</v>
      </c>
      <c r="C16" s="427">
        <v>206657000</v>
      </c>
      <c r="D16" s="427">
        <v>34753381.149999999</v>
      </c>
      <c r="E16" s="427">
        <v>34753381.149999999</v>
      </c>
      <c r="F16" s="427">
        <v>0.60346607456248236</v>
      </c>
      <c r="G16" s="427">
        <v>171903618.84999999</v>
      </c>
      <c r="H16" s="427">
        <v>29232586.059999999</v>
      </c>
      <c r="I16" s="427">
        <v>29232586.059999999</v>
      </c>
      <c r="J16" s="427">
        <v>1.5696203962931834</v>
      </c>
      <c r="K16" s="427">
        <v>177424413.94</v>
      </c>
      <c r="L16" s="428">
        <v>0</v>
      </c>
      <c r="M16" s="217"/>
    </row>
    <row r="17" spans="1:13" s="264" customFormat="1" ht="10.5" customHeight="1" x14ac:dyDescent="0.2">
      <c r="A17" s="448" t="s">
        <v>640</v>
      </c>
      <c r="B17" s="436">
        <v>157276000</v>
      </c>
      <c r="C17" s="427">
        <v>157276000</v>
      </c>
      <c r="D17" s="427">
        <v>115619443.67999999</v>
      </c>
      <c r="E17" s="427">
        <v>115619443.67999999</v>
      </c>
      <c r="F17" s="427">
        <v>2.0076438467820164</v>
      </c>
      <c r="G17" s="427">
        <v>41656556.320000008</v>
      </c>
      <c r="H17" s="427">
        <v>24585870.919999994</v>
      </c>
      <c r="I17" s="427">
        <v>24585870.919999994</v>
      </c>
      <c r="J17" s="427">
        <v>1.3201187324808117</v>
      </c>
      <c r="K17" s="427">
        <v>132690129.08000001</v>
      </c>
      <c r="L17" s="428">
        <v>0</v>
      </c>
      <c r="M17" s="217"/>
    </row>
    <row r="18" spans="1:13" ht="10.5" x14ac:dyDescent="0.2">
      <c r="A18" s="448"/>
      <c r="B18" s="436"/>
      <c r="C18" s="425"/>
      <c r="D18" s="425"/>
      <c r="E18" s="425"/>
      <c r="F18" s="425"/>
      <c r="G18" s="425"/>
      <c r="H18" s="425"/>
      <c r="I18" s="425"/>
      <c r="J18" s="425"/>
      <c r="K18" s="425"/>
      <c r="L18" s="426"/>
    </row>
    <row r="19" spans="1:13" s="66" customFormat="1" ht="10.5" x14ac:dyDescent="0.2">
      <c r="A19" s="142" t="s">
        <v>641</v>
      </c>
      <c r="B19" s="425">
        <v>633355000</v>
      </c>
      <c r="C19" s="425">
        <v>680191100</v>
      </c>
      <c r="D19" s="425">
        <v>575512636.7900002</v>
      </c>
      <c r="E19" s="425">
        <v>575512636.7900002</v>
      </c>
      <c r="F19" s="425">
        <v>9.9933399367895781</v>
      </c>
      <c r="G19" s="425">
        <v>104678463.2099998</v>
      </c>
      <c r="H19" s="425">
        <v>126927506.83999999</v>
      </c>
      <c r="I19" s="425">
        <v>126927506.83999999</v>
      </c>
      <c r="J19" s="425">
        <v>6.8152712585123414</v>
      </c>
      <c r="K19" s="425">
        <v>553263593.15999997</v>
      </c>
      <c r="L19" s="426">
        <v>0</v>
      </c>
      <c r="M19" s="763"/>
    </row>
    <row r="20" spans="1:13" s="264" customFormat="1" ht="10.5" x14ac:dyDescent="0.2">
      <c r="A20" s="448" t="s">
        <v>642</v>
      </c>
      <c r="B20" s="427">
        <v>633355000</v>
      </c>
      <c r="C20" s="427">
        <v>680191100</v>
      </c>
      <c r="D20" s="427">
        <v>575512636.7900002</v>
      </c>
      <c r="E20" s="427">
        <v>575512636.7900002</v>
      </c>
      <c r="F20" s="427">
        <v>9.9933399367895781</v>
      </c>
      <c r="G20" s="427">
        <v>104678463.2099998</v>
      </c>
      <c r="H20" s="427">
        <v>126927506.83999999</v>
      </c>
      <c r="I20" s="427">
        <v>126927506.83999999</v>
      </c>
      <c r="J20" s="427">
        <v>6.8152712585123414</v>
      </c>
      <c r="K20" s="427">
        <v>553263593.15999997</v>
      </c>
      <c r="L20" s="428">
        <v>0</v>
      </c>
      <c r="M20" s="763"/>
    </row>
    <row r="21" spans="1:13" s="264" customFormat="1" ht="10.5" x14ac:dyDescent="0.2">
      <c r="A21" s="448" t="s">
        <v>650</v>
      </c>
      <c r="B21" s="427">
        <v>0</v>
      </c>
      <c r="C21" s="427">
        <v>0</v>
      </c>
      <c r="D21" s="427">
        <v>0</v>
      </c>
      <c r="E21" s="427">
        <v>0</v>
      </c>
      <c r="F21" s="427">
        <v>0</v>
      </c>
      <c r="G21" s="427">
        <v>0</v>
      </c>
      <c r="H21" s="427">
        <v>0</v>
      </c>
      <c r="I21" s="427">
        <v>0</v>
      </c>
      <c r="J21" s="427">
        <v>0</v>
      </c>
      <c r="K21" s="427">
        <v>0</v>
      </c>
      <c r="L21" s="428">
        <v>0</v>
      </c>
      <c r="M21" s="763"/>
    </row>
    <row r="22" spans="1:13" s="264" customFormat="1" ht="10.5" x14ac:dyDescent="0.2">
      <c r="A22" s="448" t="s">
        <v>798</v>
      </c>
      <c r="B22" s="427">
        <v>0</v>
      </c>
      <c r="C22" s="427">
        <v>0</v>
      </c>
      <c r="D22" s="427">
        <v>0</v>
      </c>
      <c r="E22" s="427">
        <v>0</v>
      </c>
      <c r="F22" s="427">
        <v>0</v>
      </c>
      <c r="G22" s="427">
        <v>0</v>
      </c>
      <c r="H22" s="427">
        <v>0</v>
      </c>
      <c r="I22" s="427">
        <v>0</v>
      </c>
      <c r="J22" s="427">
        <v>0</v>
      </c>
      <c r="K22" s="427">
        <v>0</v>
      </c>
      <c r="L22" s="428">
        <v>0</v>
      </c>
      <c r="M22" s="413"/>
    </row>
    <row r="23" spans="1:13" s="264" customFormat="1" ht="10.5" x14ac:dyDescent="0.2">
      <c r="A23" s="448" t="s">
        <v>741</v>
      </c>
      <c r="B23" s="427">
        <v>0</v>
      </c>
      <c r="C23" s="427">
        <v>0</v>
      </c>
      <c r="D23" s="427">
        <v>0</v>
      </c>
      <c r="E23" s="427">
        <v>0</v>
      </c>
      <c r="F23" s="427">
        <v>0</v>
      </c>
      <c r="G23" s="427">
        <v>0</v>
      </c>
      <c r="H23" s="427">
        <v>0</v>
      </c>
      <c r="I23" s="427">
        <v>0</v>
      </c>
      <c r="J23" s="427">
        <v>0</v>
      </c>
      <c r="K23" s="427">
        <v>0</v>
      </c>
      <c r="L23" s="428">
        <v>0</v>
      </c>
      <c r="M23" s="217"/>
    </row>
    <row r="24" spans="1:13" ht="10.5" x14ac:dyDescent="0.2">
      <c r="A24" s="448"/>
      <c r="B24" s="427"/>
      <c r="C24" s="425"/>
      <c r="D24" s="425"/>
      <c r="E24" s="425"/>
      <c r="F24" s="425"/>
      <c r="G24" s="425"/>
      <c r="H24" s="425"/>
      <c r="I24" s="425"/>
      <c r="J24" s="425"/>
      <c r="K24" s="425"/>
      <c r="L24" s="426"/>
    </row>
    <row r="25" spans="1:13" s="66" customFormat="1" ht="10.5" x14ac:dyDescent="0.2">
      <c r="A25" s="160" t="s">
        <v>742</v>
      </c>
      <c r="B25" s="425">
        <v>513600900</v>
      </c>
      <c r="C25" s="425">
        <v>513631000</v>
      </c>
      <c r="D25" s="425">
        <v>143510312.18999997</v>
      </c>
      <c r="E25" s="425">
        <v>143510312.18999997</v>
      </c>
      <c r="F25" s="425">
        <v>2.4919476002275438</v>
      </c>
      <c r="G25" s="425">
        <v>370120687.81</v>
      </c>
      <c r="H25" s="425">
        <v>65643440.88000001</v>
      </c>
      <c r="I25" s="425">
        <v>65643440.88000001</v>
      </c>
      <c r="J25" s="425">
        <v>3.5246722091789424</v>
      </c>
      <c r="K25" s="425">
        <v>447987559.12</v>
      </c>
      <c r="L25" s="426">
        <v>0</v>
      </c>
      <c r="M25" s="155"/>
    </row>
    <row r="26" spans="1:13" s="66" customFormat="1" ht="10.5" x14ac:dyDescent="0.2">
      <c r="A26" s="448" t="s">
        <v>642</v>
      </c>
      <c r="B26" s="427">
        <v>0</v>
      </c>
      <c r="C26" s="427">
        <v>0</v>
      </c>
      <c r="D26" s="427">
        <v>0</v>
      </c>
      <c r="E26" s="427">
        <v>0</v>
      </c>
      <c r="F26" s="494">
        <v>0</v>
      </c>
      <c r="G26" s="427">
        <v>0</v>
      </c>
      <c r="H26" s="427">
        <v>0</v>
      </c>
      <c r="I26" s="427">
        <v>0</v>
      </c>
      <c r="J26" s="494">
        <v>0</v>
      </c>
      <c r="K26" s="427">
        <v>0</v>
      </c>
      <c r="L26" s="428">
        <v>0</v>
      </c>
      <c r="M26" s="155"/>
    </row>
    <row r="27" spans="1:13" s="264" customFormat="1" ht="10.5" x14ac:dyDescent="0.2">
      <c r="A27" s="448" t="s">
        <v>643</v>
      </c>
      <c r="B27" s="501">
        <v>331019000</v>
      </c>
      <c r="C27" s="427">
        <v>331049000</v>
      </c>
      <c r="D27" s="427">
        <v>80881222.649999991</v>
      </c>
      <c r="E27" s="427">
        <v>80881222.649999991</v>
      </c>
      <c r="F27" s="427">
        <v>1.4044410161918774</v>
      </c>
      <c r="G27" s="427">
        <v>250167777.35000002</v>
      </c>
      <c r="H27" s="427">
        <v>37243790.810000017</v>
      </c>
      <c r="I27" s="427">
        <v>37243790.810000017</v>
      </c>
      <c r="J27" s="427">
        <v>1.9997756466248355</v>
      </c>
      <c r="K27" s="427">
        <v>293805209.19</v>
      </c>
      <c r="L27" s="428">
        <v>0</v>
      </c>
      <c r="M27" s="217"/>
    </row>
    <row r="28" spans="1:13" s="264" customFormat="1" ht="10.5" x14ac:dyDescent="0.2">
      <c r="A28" s="448" t="s">
        <v>644</v>
      </c>
      <c r="B28" s="427">
        <v>43032000</v>
      </c>
      <c r="C28" s="427">
        <v>43032000</v>
      </c>
      <c r="D28" s="427">
        <v>30796862.849999998</v>
      </c>
      <c r="E28" s="427">
        <v>30796862.849999998</v>
      </c>
      <c r="F28" s="427">
        <v>0.53476413856579941</v>
      </c>
      <c r="G28" s="427">
        <v>12235137.150000002</v>
      </c>
      <c r="H28" s="427">
        <v>7666819.2499999981</v>
      </c>
      <c r="I28" s="427">
        <v>7666819.2499999981</v>
      </c>
      <c r="J28" s="427">
        <v>0.41166374554729368</v>
      </c>
      <c r="K28" s="427">
        <v>35365180.75</v>
      </c>
      <c r="L28" s="428">
        <v>0</v>
      </c>
      <c r="M28" s="217"/>
    </row>
    <row r="29" spans="1:13" s="264" customFormat="1" ht="10.5" x14ac:dyDescent="0.2">
      <c r="A29" s="448" t="s">
        <v>647</v>
      </c>
      <c r="B29" s="427">
        <v>345660</v>
      </c>
      <c r="C29" s="427">
        <v>345660</v>
      </c>
      <c r="D29" s="427">
        <v>196162.66</v>
      </c>
      <c r="E29" s="427">
        <v>196162.66</v>
      </c>
      <c r="F29" s="427">
        <v>3.4062156397100625E-3</v>
      </c>
      <c r="G29" s="427">
        <v>149497.34</v>
      </c>
      <c r="H29" s="427">
        <v>0</v>
      </c>
      <c r="I29" s="427">
        <v>0</v>
      </c>
      <c r="J29" s="427">
        <v>0</v>
      </c>
      <c r="K29" s="427">
        <v>345660</v>
      </c>
      <c r="L29" s="428">
        <v>0</v>
      </c>
      <c r="M29" s="217"/>
    </row>
    <row r="30" spans="1:13" s="264" customFormat="1" ht="10.5" x14ac:dyDescent="0.2">
      <c r="A30" s="448" t="s">
        <v>651</v>
      </c>
      <c r="B30" s="427">
        <v>21167340</v>
      </c>
      <c r="C30" s="427">
        <v>21167340</v>
      </c>
      <c r="D30" s="427">
        <v>12535808.470000001</v>
      </c>
      <c r="E30" s="427">
        <v>12535808.470000001</v>
      </c>
      <c r="F30" s="427">
        <v>0.21767479533018097</v>
      </c>
      <c r="G30" s="427">
        <v>8631531.5299999993</v>
      </c>
      <c r="H30" s="427">
        <v>1838747.9999999998</v>
      </c>
      <c r="I30" s="427">
        <v>1838747.9999999998</v>
      </c>
      <c r="J30" s="427">
        <v>9.8730107508090165E-2</v>
      </c>
      <c r="K30" s="427">
        <v>19328592</v>
      </c>
      <c r="L30" s="428">
        <v>0</v>
      </c>
      <c r="M30" s="217"/>
    </row>
    <row r="31" spans="1:13" s="264" customFormat="1" ht="10.5" x14ac:dyDescent="0.2">
      <c r="A31" s="448" t="s">
        <v>683</v>
      </c>
      <c r="B31" s="427">
        <v>118036900</v>
      </c>
      <c r="C31" s="427">
        <v>118037000</v>
      </c>
      <c r="D31" s="427">
        <v>19100255.559999991</v>
      </c>
      <c r="E31" s="427">
        <v>19100255.559999991</v>
      </c>
      <c r="F31" s="427">
        <v>0.33166143449997593</v>
      </c>
      <c r="G31" s="427">
        <v>98936744.440000013</v>
      </c>
      <c r="H31" s="427">
        <v>18894082.819999993</v>
      </c>
      <c r="I31" s="427">
        <v>18894082.819999993</v>
      </c>
      <c r="J31" s="427">
        <v>1.0145027094987236</v>
      </c>
      <c r="K31" s="427">
        <v>99142917.180000007</v>
      </c>
      <c r="L31" s="428">
        <v>0</v>
      </c>
      <c r="M31" s="217"/>
    </row>
    <row r="32" spans="1:13" s="264" customFormat="1" ht="10.5" x14ac:dyDescent="0.2">
      <c r="A32" s="448"/>
      <c r="B32" s="427"/>
      <c r="C32" s="427"/>
      <c r="D32" s="427"/>
      <c r="E32" s="427"/>
      <c r="F32" s="427"/>
      <c r="G32" s="427"/>
      <c r="H32" s="427"/>
      <c r="I32" s="427"/>
      <c r="J32" s="427"/>
      <c r="K32" s="427"/>
      <c r="L32" s="428"/>
      <c r="M32" s="217"/>
    </row>
    <row r="33" spans="1:13" s="66" customFormat="1" ht="10.5" x14ac:dyDescent="0.2">
      <c r="A33" s="142" t="s">
        <v>645</v>
      </c>
      <c r="B33" s="425">
        <v>703389900</v>
      </c>
      <c r="C33" s="425">
        <v>697019976.65999985</v>
      </c>
      <c r="D33" s="425">
        <v>187714080.52000007</v>
      </c>
      <c r="E33" s="425">
        <v>187714080.52000007</v>
      </c>
      <c r="F33" s="425">
        <v>3.2595124722565356</v>
      </c>
      <c r="G33" s="425">
        <v>509305896.13999975</v>
      </c>
      <c r="H33" s="425">
        <v>136619730.95999998</v>
      </c>
      <c r="I33" s="425">
        <v>136619730.95999998</v>
      </c>
      <c r="J33" s="425">
        <v>7.3356875033485576</v>
      </c>
      <c r="K33" s="425">
        <v>560400245.69999993</v>
      </c>
      <c r="L33" s="426">
        <v>0</v>
      </c>
      <c r="M33" s="155"/>
    </row>
    <row r="34" spans="1:13" s="264" customFormat="1" ht="10.5" x14ac:dyDescent="0.2">
      <c r="A34" s="448" t="s">
        <v>646</v>
      </c>
      <c r="B34" s="427">
        <v>0</v>
      </c>
      <c r="C34" s="427">
        <v>0</v>
      </c>
      <c r="D34" s="427">
        <v>0</v>
      </c>
      <c r="E34" s="427">
        <v>0</v>
      </c>
      <c r="F34" s="427">
        <v>0</v>
      </c>
      <c r="G34" s="427">
        <v>0</v>
      </c>
      <c r="H34" s="427">
        <v>0</v>
      </c>
      <c r="I34" s="427">
        <v>0</v>
      </c>
      <c r="J34" s="427">
        <v>0</v>
      </c>
      <c r="K34" s="427">
        <v>0</v>
      </c>
      <c r="L34" s="428">
        <v>0</v>
      </c>
      <c r="M34" s="217"/>
    </row>
    <row r="35" spans="1:13" s="264" customFormat="1" ht="10.5" x14ac:dyDescent="0.2">
      <c r="A35" s="448" t="s">
        <v>647</v>
      </c>
      <c r="B35" s="427">
        <v>262769900</v>
      </c>
      <c r="C35" s="427">
        <v>256304176.65999997</v>
      </c>
      <c r="D35" s="427">
        <v>62364021.530000031</v>
      </c>
      <c r="E35" s="427">
        <v>62364021.530000031</v>
      </c>
      <c r="F35" s="427">
        <v>1.0829038793147543</v>
      </c>
      <c r="G35" s="427">
        <v>193940155.12999994</v>
      </c>
      <c r="H35" s="427">
        <v>27661758.660000004</v>
      </c>
      <c r="I35" s="427">
        <v>27661758.660000004</v>
      </c>
      <c r="J35" s="427">
        <v>1.485276071742645</v>
      </c>
      <c r="K35" s="427">
        <v>228642417.99999997</v>
      </c>
      <c r="L35" s="428">
        <v>0</v>
      </c>
      <c r="M35" s="217"/>
    </row>
    <row r="36" spans="1:13" s="264" customFormat="1" ht="10.5" x14ac:dyDescent="0.2">
      <c r="A36" s="448" t="s">
        <v>648</v>
      </c>
      <c r="B36" s="427">
        <v>433564000</v>
      </c>
      <c r="C36" s="427">
        <v>433659799.99999988</v>
      </c>
      <c r="D36" s="427">
        <v>125333589.32000005</v>
      </c>
      <c r="E36" s="427">
        <v>125333589.32000005</v>
      </c>
      <c r="F36" s="427">
        <v>2.1763226096280621</v>
      </c>
      <c r="G36" s="427">
        <v>308326210.67999983</v>
      </c>
      <c r="H36" s="427">
        <v>108941911.63</v>
      </c>
      <c r="I36" s="427">
        <v>108941911.63</v>
      </c>
      <c r="J36" s="427">
        <v>5.8495490667382146</v>
      </c>
      <c r="K36" s="427">
        <v>324717888.36999989</v>
      </c>
      <c r="L36" s="428">
        <v>0</v>
      </c>
      <c r="M36" s="217"/>
    </row>
    <row r="37" spans="1:13" s="264" customFormat="1" ht="10.5" x14ac:dyDescent="0.2">
      <c r="A37" s="448" t="s">
        <v>649</v>
      </c>
      <c r="B37" s="427">
        <v>7000000</v>
      </c>
      <c r="C37" s="427">
        <v>7000000</v>
      </c>
      <c r="D37" s="427">
        <v>0</v>
      </c>
      <c r="E37" s="427">
        <v>0</v>
      </c>
      <c r="F37" s="427">
        <v>0</v>
      </c>
      <c r="G37" s="427">
        <v>7000000</v>
      </c>
      <c r="H37" s="427">
        <v>0</v>
      </c>
      <c r="I37" s="427">
        <v>0</v>
      </c>
      <c r="J37" s="427">
        <v>0</v>
      </c>
      <c r="K37" s="427">
        <v>7000000</v>
      </c>
      <c r="L37" s="428">
        <v>0</v>
      </c>
      <c r="M37" s="217"/>
    </row>
    <row r="38" spans="1:13" s="264" customFormat="1" ht="10.5" x14ac:dyDescent="0.2">
      <c r="A38" s="448" t="s">
        <v>650</v>
      </c>
      <c r="B38" s="427">
        <v>0</v>
      </c>
      <c r="C38" s="427">
        <v>0</v>
      </c>
      <c r="D38" s="427">
        <v>0</v>
      </c>
      <c r="E38" s="427">
        <v>0</v>
      </c>
      <c r="F38" s="427">
        <v>0</v>
      </c>
      <c r="G38" s="427">
        <v>0</v>
      </c>
      <c r="H38" s="427">
        <v>0</v>
      </c>
      <c r="I38" s="427">
        <v>0</v>
      </c>
      <c r="J38" s="427">
        <v>0</v>
      </c>
      <c r="K38" s="427">
        <v>0</v>
      </c>
      <c r="L38" s="428">
        <v>0</v>
      </c>
      <c r="M38" s="217"/>
    </row>
    <row r="39" spans="1:13" s="264" customFormat="1" ht="10.5" x14ac:dyDescent="0.2">
      <c r="A39" s="448" t="s">
        <v>743</v>
      </c>
      <c r="B39" s="427">
        <v>56000</v>
      </c>
      <c r="C39" s="427">
        <v>56000</v>
      </c>
      <c r="D39" s="427">
        <v>16469.670000000002</v>
      </c>
      <c r="E39" s="427">
        <v>16469.670000000002</v>
      </c>
      <c r="F39" s="427">
        <v>2.8598331371966322E-4</v>
      </c>
      <c r="G39" s="427">
        <v>39530.33</v>
      </c>
      <c r="H39" s="427">
        <v>16060.670000000002</v>
      </c>
      <c r="I39" s="427">
        <v>16060.670000000002</v>
      </c>
      <c r="J39" s="427">
        <v>8.6236486769908588E-4</v>
      </c>
      <c r="K39" s="427">
        <v>39939.33</v>
      </c>
      <c r="L39" s="428">
        <v>0</v>
      </c>
      <c r="M39" s="217"/>
    </row>
    <row r="40" spans="1:13" ht="10.5" x14ac:dyDescent="0.2">
      <c r="A40" s="448"/>
      <c r="B40" s="427"/>
      <c r="C40" s="425"/>
      <c r="D40" s="425"/>
      <c r="E40" s="425"/>
      <c r="F40" s="425"/>
      <c r="G40" s="425"/>
      <c r="H40" s="425"/>
      <c r="I40" s="425"/>
      <c r="J40" s="425"/>
      <c r="K40" s="425"/>
      <c r="L40" s="426"/>
    </row>
    <row r="41" spans="1:13" s="66" customFormat="1" ht="10.5" x14ac:dyDescent="0.2">
      <c r="A41" s="142" t="s">
        <v>654</v>
      </c>
      <c r="B41" s="425">
        <v>1283211700</v>
      </c>
      <c r="C41" s="425">
        <v>1310983684.3299999</v>
      </c>
      <c r="D41" s="425">
        <v>377278507.00000006</v>
      </c>
      <c r="E41" s="425">
        <v>377278507.00000006</v>
      </c>
      <c r="F41" s="425">
        <v>6.551154797094731</v>
      </c>
      <c r="G41" s="425">
        <v>933705177.32999992</v>
      </c>
      <c r="H41" s="425">
        <v>235393008.01999974</v>
      </c>
      <c r="I41" s="425">
        <v>235393008.01999974</v>
      </c>
      <c r="J41" s="425">
        <v>12.639239846062269</v>
      </c>
      <c r="K41" s="425">
        <v>1075590676.3100002</v>
      </c>
      <c r="L41" s="426">
        <v>0</v>
      </c>
      <c r="M41" s="155"/>
    </row>
    <row r="42" spans="1:13" s="264" customFormat="1" ht="10.5" x14ac:dyDescent="0.2">
      <c r="A42" s="448" t="s">
        <v>655</v>
      </c>
      <c r="B42" s="427">
        <v>1281051700</v>
      </c>
      <c r="C42" s="427">
        <v>1308823684.3299999</v>
      </c>
      <c r="D42" s="427">
        <v>377224820.82000005</v>
      </c>
      <c r="E42" s="427">
        <v>377224820.82000005</v>
      </c>
      <c r="F42" s="427">
        <v>6.5502225773442833</v>
      </c>
      <c r="G42" s="427">
        <v>931598863.50999987</v>
      </c>
      <c r="H42" s="427">
        <v>235393008.01999974</v>
      </c>
      <c r="I42" s="427">
        <v>235393008.01999974</v>
      </c>
      <c r="J42" s="427">
        <v>12.639239846062269</v>
      </c>
      <c r="K42" s="427">
        <v>1073430676.3100002</v>
      </c>
      <c r="L42" s="428">
        <v>0</v>
      </c>
      <c r="M42" s="217"/>
    </row>
    <row r="43" spans="1:13" s="264" customFormat="1" ht="10.5" x14ac:dyDescent="0.2">
      <c r="A43" s="448" t="s">
        <v>656</v>
      </c>
      <c r="B43" s="427">
        <v>2160000</v>
      </c>
      <c r="C43" s="427">
        <v>2160000</v>
      </c>
      <c r="D43" s="427">
        <v>53686.18</v>
      </c>
      <c r="E43" s="427">
        <v>53686.18</v>
      </c>
      <c r="F43" s="427">
        <v>9.3221975044735625E-4</v>
      </c>
      <c r="G43" s="427">
        <v>2106313.8199999998</v>
      </c>
      <c r="H43" s="427">
        <v>0</v>
      </c>
      <c r="I43" s="427">
        <v>0</v>
      </c>
      <c r="J43" s="427">
        <v>0</v>
      </c>
      <c r="K43" s="427">
        <v>2160000</v>
      </c>
      <c r="L43" s="428">
        <v>0</v>
      </c>
      <c r="M43" s="217"/>
    </row>
    <row r="44" spans="1:13" s="264" customFormat="1" ht="10.5" x14ac:dyDescent="0.2">
      <c r="A44" s="448" t="s">
        <v>682</v>
      </c>
      <c r="B44" s="427">
        <v>0</v>
      </c>
      <c r="C44" s="427">
        <v>0</v>
      </c>
      <c r="D44" s="427">
        <v>0</v>
      </c>
      <c r="E44" s="427">
        <v>0</v>
      </c>
      <c r="F44" s="427">
        <v>0</v>
      </c>
      <c r="G44" s="427">
        <v>0</v>
      </c>
      <c r="H44" s="427">
        <v>0</v>
      </c>
      <c r="I44" s="427">
        <v>0</v>
      </c>
      <c r="J44" s="427">
        <v>0</v>
      </c>
      <c r="K44" s="427">
        <v>0</v>
      </c>
      <c r="L44" s="428">
        <v>0</v>
      </c>
      <c r="M44" s="217"/>
    </row>
    <row r="45" spans="1:13" ht="10.5" x14ac:dyDescent="0.2">
      <c r="A45" s="448"/>
      <c r="B45" s="427"/>
      <c r="C45" s="425"/>
      <c r="D45" s="425"/>
      <c r="E45" s="425"/>
      <c r="F45" s="425"/>
      <c r="G45" s="425"/>
      <c r="H45" s="425"/>
      <c r="I45" s="425"/>
      <c r="J45" s="425"/>
      <c r="K45" s="425"/>
      <c r="L45" s="426"/>
    </row>
    <row r="46" spans="1:13" s="66" customFormat="1" ht="10.5" x14ac:dyDescent="0.2">
      <c r="A46" s="142" t="s">
        <v>657</v>
      </c>
      <c r="B46" s="425">
        <v>200530900</v>
      </c>
      <c r="C46" s="425">
        <v>200703800</v>
      </c>
      <c r="D46" s="425">
        <v>45541215.449999996</v>
      </c>
      <c r="E46" s="425">
        <v>45541215.449999996</v>
      </c>
      <c r="F46" s="425">
        <v>0.79078862571090502</v>
      </c>
      <c r="G46" s="425">
        <v>155162584.55000001</v>
      </c>
      <c r="H46" s="425">
        <v>23263368.420000002</v>
      </c>
      <c r="I46" s="425">
        <v>23263368.420000002</v>
      </c>
      <c r="J46" s="425">
        <v>1.2491080154033669</v>
      </c>
      <c r="K46" s="425">
        <v>177440431.57999998</v>
      </c>
      <c r="L46" s="426">
        <v>0</v>
      </c>
      <c r="M46" s="155"/>
    </row>
    <row r="47" spans="1:13" s="264" customFormat="1" ht="10.5" x14ac:dyDescent="0.2">
      <c r="A47" s="448" t="s">
        <v>744</v>
      </c>
      <c r="B47" s="427">
        <v>310000</v>
      </c>
      <c r="C47" s="427">
        <v>310000</v>
      </c>
      <c r="D47" s="427">
        <v>420</v>
      </c>
      <c r="E47" s="427">
        <v>420</v>
      </c>
      <c r="F47" s="427">
        <v>7.2929810835468195E-6</v>
      </c>
      <c r="G47" s="427">
        <v>309580</v>
      </c>
      <c r="H47" s="427">
        <v>417.06</v>
      </c>
      <c r="I47" s="427">
        <v>417.06</v>
      </c>
      <c r="J47" s="427">
        <v>2.2393704105904719E-5</v>
      </c>
      <c r="K47" s="427">
        <v>309582.94</v>
      </c>
      <c r="L47" s="428">
        <v>0</v>
      </c>
      <c r="M47" s="217"/>
    </row>
    <row r="48" spans="1:13" s="264" customFormat="1" ht="10.5" x14ac:dyDescent="0.2">
      <c r="A48" s="448" t="s">
        <v>658</v>
      </c>
      <c r="B48" s="427">
        <v>200093600</v>
      </c>
      <c r="C48" s="427">
        <v>200266500</v>
      </c>
      <c r="D48" s="427">
        <v>45540795.449999996</v>
      </c>
      <c r="E48" s="427">
        <v>45540795.449999996</v>
      </c>
      <c r="F48" s="427">
        <v>0.79078133272982165</v>
      </c>
      <c r="G48" s="427">
        <v>154725704.55000001</v>
      </c>
      <c r="H48" s="427">
        <v>23262951.360000003</v>
      </c>
      <c r="I48" s="427">
        <v>23262951.360000003</v>
      </c>
      <c r="J48" s="427">
        <v>1.2490856216992612</v>
      </c>
      <c r="K48" s="427">
        <v>177003548.63999999</v>
      </c>
      <c r="L48" s="428">
        <v>0</v>
      </c>
      <c r="M48" s="217"/>
    </row>
    <row r="49" spans="1:13" s="264" customFormat="1" ht="10.5" x14ac:dyDescent="0.2">
      <c r="A49" s="448" t="s">
        <v>684</v>
      </c>
      <c r="B49" s="427">
        <v>0</v>
      </c>
      <c r="C49" s="427">
        <v>0</v>
      </c>
      <c r="D49" s="427">
        <v>0</v>
      </c>
      <c r="E49" s="427">
        <v>0</v>
      </c>
      <c r="F49" s="427">
        <v>0</v>
      </c>
      <c r="G49" s="427">
        <v>0</v>
      </c>
      <c r="H49" s="427">
        <v>0</v>
      </c>
      <c r="I49" s="427">
        <v>0</v>
      </c>
      <c r="J49" s="427">
        <v>0</v>
      </c>
      <c r="K49" s="427">
        <v>0</v>
      </c>
      <c r="L49" s="428">
        <v>0</v>
      </c>
      <c r="M49" s="217"/>
    </row>
    <row r="50" spans="1:13" s="264" customFormat="1" ht="10.5" x14ac:dyDescent="0.2">
      <c r="A50" s="448" t="s">
        <v>683</v>
      </c>
      <c r="B50" s="427">
        <v>127300</v>
      </c>
      <c r="C50" s="427">
        <v>127300</v>
      </c>
      <c r="D50" s="427">
        <v>0</v>
      </c>
      <c r="E50" s="427">
        <v>0</v>
      </c>
      <c r="F50" s="427">
        <v>0</v>
      </c>
      <c r="G50" s="427">
        <v>127300</v>
      </c>
      <c r="H50" s="427">
        <v>0</v>
      </c>
      <c r="I50" s="427">
        <v>0</v>
      </c>
      <c r="J50" s="427">
        <v>0</v>
      </c>
      <c r="K50" s="427">
        <v>127300</v>
      </c>
      <c r="L50" s="428">
        <v>0</v>
      </c>
      <c r="M50" s="217"/>
    </row>
    <row r="51" spans="1:13" s="264" customFormat="1" ht="10.5" x14ac:dyDescent="0.2">
      <c r="A51" s="448"/>
      <c r="B51" s="427"/>
      <c r="C51" s="427"/>
      <c r="D51" s="427"/>
      <c r="E51" s="427"/>
      <c r="F51" s="427"/>
      <c r="G51" s="427"/>
      <c r="H51" s="427"/>
      <c r="I51" s="427"/>
      <c r="J51" s="427"/>
      <c r="K51" s="427"/>
      <c r="L51" s="428"/>
      <c r="M51" s="217"/>
    </row>
    <row r="52" spans="1:13" s="66" customFormat="1" ht="10.5" x14ac:dyDescent="0.2">
      <c r="A52" s="142" t="s">
        <v>659</v>
      </c>
      <c r="B52" s="425">
        <v>1483051000</v>
      </c>
      <c r="C52" s="425">
        <v>1483051000</v>
      </c>
      <c r="D52" s="425">
        <v>1382217972.0399997</v>
      </c>
      <c r="E52" s="425">
        <v>1382217972.0399997</v>
      </c>
      <c r="F52" s="425">
        <v>24.001165531967057</v>
      </c>
      <c r="G52" s="425">
        <v>100833027.96000028</v>
      </c>
      <c r="H52" s="425">
        <v>340484585.63999987</v>
      </c>
      <c r="I52" s="425">
        <v>340484585.63999987</v>
      </c>
      <c r="J52" s="425">
        <v>18.282048298671011</v>
      </c>
      <c r="K52" s="425">
        <v>1142566414.3600001</v>
      </c>
      <c r="L52" s="426">
        <v>0</v>
      </c>
      <c r="M52" s="155"/>
    </row>
    <row r="53" spans="1:13" s="264" customFormat="1" ht="10.5" x14ac:dyDescent="0.2">
      <c r="A53" s="448" t="s">
        <v>660</v>
      </c>
      <c r="B53" s="427">
        <v>1483051000</v>
      </c>
      <c r="C53" s="427">
        <v>1483051000</v>
      </c>
      <c r="D53" s="427">
        <v>1382217972.0399997</v>
      </c>
      <c r="E53" s="427">
        <v>1382217972.0399997</v>
      </c>
      <c r="F53" s="427">
        <v>24.001165531967057</v>
      </c>
      <c r="G53" s="427">
        <v>100833027.96000028</v>
      </c>
      <c r="H53" s="427">
        <v>340484585.63999987</v>
      </c>
      <c r="I53" s="427">
        <v>340484585.63999987</v>
      </c>
      <c r="J53" s="427">
        <v>18.282048298671011</v>
      </c>
      <c r="K53" s="427">
        <v>1142566414.3600001</v>
      </c>
      <c r="L53" s="428">
        <v>0</v>
      </c>
      <c r="M53" s="217"/>
    </row>
    <row r="54" spans="1:13" ht="10.5" x14ac:dyDescent="0.2">
      <c r="A54" s="448"/>
      <c r="B54" s="427"/>
      <c r="C54" s="425"/>
      <c r="D54" s="425"/>
      <c r="E54" s="425"/>
      <c r="F54" s="425"/>
      <c r="G54" s="425"/>
      <c r="H54" s="425"/>
      <c r="I54" s="425"/>
      <c r="J54" s="425"/>
      <c r="K54" s="425"/>
      <c r="L54" s="426"/>
    </row>
    <row r="55" spans="1:13" s="66" customFormat="1" ht="10.5" x14ac:dyDescent="0.2">
      <c r="A55" s="142" t="s">
        <v>661</v>
      </c>
      <c r="B55" s="425">
        <v>1217401500</v>
      </c>
      <c r="C55" s="425">
        <v>1197909000</v>
      </c>
      <c r="D55" s="425">
        <v>369427379.57999992</v>
      </c>
      <c r="E55" s="425">
        <v>369427379.57999992</v>
      </c>
      <c r="F55" s="425">
        <v>6.4148259310028806</v>
      </c>
      <c r="G55" s="425">
        <v>828481620.42000008</v>
      </c>
      <c r="H55" s="425">
        <v>81939725.959999979</v>
      </c>
      <c r="I55" s="425">
        <v>81939725.959999979</v>
      </c>
      <c r="J55" s="425">
        <v>4.3996882407019582</v>
      </c>
      <c r="K55" s="425">
        <v>1115969274.0400002</v>
      </c>
      <c r="L55" s="426">
        <v>0</v>
      </c>
      <c r="M55" s="155"/>
    </row>
    <row r="56" spans="1:13" ht="10.5" x14ac:dyDescent="0.2">
      <c r="A56" s="22" t="s">
        <v>647</v>
      </c>
      <c r="B56" s="427">
        <v>237336100</v>
      </c>
      <c r="C56" s="427">
        <v>217643600</v>
      </c>
      <c r="D56" s="427">
        <v>67585255.719999999</v>
      </c>
      <c r="E56" s="427">
        <v>67585255.719999999</v>
      </c>
      <c r="F56" s="427">
        <v>1.1735666464110344</v>
      </c>
      <c r="G56" s="427">
        <v>150058344.28</v>
      </c>
      <c r="H56" s="427">
        <v>28487985.100000005</v>
      </c>
      <c r="I56" s="427">
        <v>28487985.100000005</v>
      </c>
      <c r="J56" s="427">
        <v>1.5296396415451556</v>
      </c>
      <c r="K56" s="427">
        <v>189155614.90000001</v>
      </c>
      <c r="L56" s="426">
        <v>0</v>
      </c>
    </row>
    <row r="57" spans="1:13" ht="10.5" x14ac:dyDescent="0.2">
      <c r="A57" s="22" t="s">
        <v>745</v>
      </c>
      <c r="B57" s="427">
        <v>2176500</v>
      </c>
      <c r="C57" s="427">
        <v>2176500</v>
      </c>
      <c r="D57" s="427">
        <v>84829.989999999991</v>
      </c>
      <c r="E57" s="427">
        <v>84829.989999999991</v>
      </c>
      <c r="F57" s="427">
        <v>1.4730083628272995E-3</v>
      </c>
      <c r="G57" s="427">
        <v>2091670.01</v>
      </c>
      <c r="H57" s="427">
        <v>70649.5</v>
      </c>
      <c r="I57" s="427">
        <v>70649.5</v>
      </c>
      <c r="J57" s="427">
        <v>3.7934685614302867E-3</v>
      </c>
      <c r="K57" s="427">
        <v>2105850.5</v>
      </c>
      <c r="L57" s="426">
        <v>0</v>
      </c>
    </row>
    <row r="58" spans="1:13" ht="10.5" x14ac:dyDescent="0.2">
      <c r="A58" s="22" t="s">
        <v>651</v>
      </c>
      <c r="B58" s="427">
        <v>6921900</v>
      </c>
      <c r="C58" s="427">
        <v>7521900</v>
      </c>
      <c r="D58" s="427">
        <v>1468786.07</v>
      </c>
      <c r="E58" s="427">
        <v>1468786.07</v>
      </c>
      <c r="F58" s="427">
        <v>2.5504354819731134E-2</v>
      </c>
      <c r="G58" s="427">
        <v>6053113.9299999997</v>
      </c>
      <c r="H58" s="427">
        <v>30531</v>
      </c>
      <c r="I58" s="427">
        <v>30531</v>
      </c>
      <c r="J58" s="427">
        <v>1.639337697351405E-3</v>
      </c>
      <c r="K58" s="427">
        <v>7491369</v>
      </c>
      <c r="L58" s="426">
        <v>0</v>
      </c>
    </row>
    <row r="59" spans="1:13" ht="10.5" x14ac:dyDescent="0.2">
      <c r="A59" s="448" t="s">
        <v>663</v>
      </c>
      <c r="B59" s="427">
        <v>54532000</v>
      </c>
      <c r="C59" s="427">
        <v>54532000</v>
      </c>
      <c r="D59" s="427">
        <v>42675115.359999999</v>
      </c>
      <c r="E59" s="427">
        <v>42675115.359999999</v>
      </c>
      <c r="F59" s="427">
        <v>0.74102097394918642</v>
      </c>
      <c r="G59" s="427">
        <v>11856884.640000001</v>
      </c>
      <c r="H59" s="427">
        <v>2843597.03</v>
      </c>
      <c r="I59" s="427">
        <v>2843597.03</v>
      </c>
      <c r="J59" s="427">
        <v>0.15268467483395545</v>
      </c>
      <c r="K59" s="427">
        <v>51688402.969999999</v>
      </c>
      <c r="L59" s="426">
        <v>0</v>
      </c>
    </row>
    <row r="60" spans="1:13" ht="10.5" x14ac:dyDescent="0.2">
      <c r="A60" s="448" t="s">
        <v>664</v>
      </c>
      <c r="B60" s="427">
        <v>763416800</v>
      </c>
      <c r="C60" s="427">
        <v>764220800.00000012</v>
      </c>
      <c r="D60" s="427">
        <v>229355626.44999996</v>
      </c>
      <c r="E60" s="427">
        <v>229355626.44999996</v>
      </c>
      <c r="F60" s="427">
        <v>3.9825862978687629</v>
      </c>
      <c r="G60" s="427">
        <v>534865173.55000019</v>
      </c>
      <c r="H60" s="427">
        <v>41682769.299999982</v>
      </c>
      <c r="I60" s="427">
        <v>41682769.299999982</v>
      </c>
      <c r="J60" s="427">
        <v>2.2381230566798274</v>
      </c>
      <c r="K60" s="427">
        <v>722538030.70000017</v>
      </c>
      <c r="L60" s="426">
        <v>0</v>
      </c>
    </row>
    <row r="61" spans="1:13" ht="10.5" x14ac:dyDescent="0.2">
      <c r="A61" s="448" t="s">
        <v>665</v>
      </c>
      <c r="B61" s="427">
        <v>100247000</v>
      </c>
      <c r="C61" s="427">
        <v>99260400</v>
      </c>
      <c r="D61" s="427">
        <v>14662066.709999999</v>
      </c>
      <c r="E61" s="427">
        <v>14662066.709999999</v>
      </c>
      <c r="F61" s="427">
        <v>0.2545956551469799</v>
      </c>
      <c r="G61" s="427">
        <v>84598333.290000007</v>
      </c>
      <c r="H61" s="427">
        <v>2725496.7100000004</v>
      </c>
      <c r="I61" s="427">
        <v>2725496.7100000004</v>
      </c>
      <c r="J61" s="427">
        <v>0.14634337233337363</v>
      </c>
      <c r="K61" s="427">
        <v>96534903.290000007</v>
      </c>
      <c r="L61" s="426">
        <v>0</v>
      </c>
    </row>
    <row r="62" spans="1:13" ht="10.5" x14ac:dyDescent="0.2">
      <c r="A62" s="448" t="s">
        <v>666</v>
      </c>
      <c r="B62" s="427">
        <v>975100</v>
      </c>
      <c r="C62" s="427">
        <v>975100</v>
      </c>
      <c r="D62" s="427">
        <v>64128.14</v>
      </c>
      <c r="E62" s="427">
        <v>64128.14</v>
      </c>
      <c r="F62" s="427">
        <v>1.1135364570072431E-3</v>
      </c>
      <c r="G62" s="427">
        <v>910971.86</v>
      </c>
      <c r="H62" s="427">
        <v>17813.09</v>
      </c>
      <c r="I62" s="427">
        <v>17813.09</v>
      </c>
      <c r="J62" s="427">
        <v>9.5645966209142639E-4</v>
      </c>
      <c r="K62" s="427">
        <v>957286.91</v>
      </c>
      <c r="L62" s="426">
        <v>0</v>
      </c>
    </row>
    <row r="63" spans="1:13" ht="10.5" x14ac:dyDescent="0.2">
      <c r="A63" s="448" t="s">
        <v>667</v>
      </c>
      <c r="B63" s="427">
        <v>14751600</v>
      </c>
      <c r="C63" s="427">
        <v>14951600</v>
      </c>
      <c r="D63" s="427">
        <v>4116099.1099999994</v>
      </c>
      <c r="E63" s="427">
        <v>4116099.1099999994</v>
      </c>
      <c r="F63" s="427">
        <v>7.1472935588652128E-2</v>
      </c>
      <c r="G63" s="427">
        <v>10835500.890000001</v>
      </c>
      <c r="H63" s="427">
        <v>1526705.78</v>
      </c>
      <c r="I63" s="427">
        <v>1526705.78</v>
      </c>
      <c r="J63" s="427">
        <v>8.1975249350439899E-2</v>
      </c>
      <c r="K63" s="427">
        <v>13424894.220000001</v>
      </c>
      <c r="L63" s="426">
        <v>0</v>
      </c>
    </row>
    <row r="64" spans="1:13" ht="10.5" x14ac:dyDescent="0.2">
      <c r="A64" s="448" t="s">
        <v>668</v>
      </c>
      <c r="B64" s="427">
        <v>19989000</v>
      </c>
      <c r="C64" s="427">
        <v>19989000</v>
      </c>
      <c r="D64" s="427">
        <v>5136485.46</v>
      </c>
      <c r="E64" s="427">
        <v>5136485.46</v>
      </c>
      <c r="F64" s="427">
        <v>8.9191169751650673E-2</v>
      </c>
      <c r="G64" s="427">
        <v>14852514.539999999</v>
      </c>
      <c r="H64" s="427">
        <v>3411586.8</v>
      </c>
      <c r="I64" s="427">
        <v>3411586.8</v>
      </c>
      <c r="J64" s="427">
        <v>0.18318243257759154</v>
      </c>
      <c r="K64" s="427">
        <v>16577413.199999999</v>
      </c>
      <c r="L64" s="426">
        <v>0</v>
      </c>
    </row>
    <row r="65" spans="1:13" ht="10.5" x14ac:dyDescent="0.2">
      <c r="A65" s="448" t="s">
        <v>669</v>
      </c>
      <c r="B65" s="427">
        <v>1337600</v>
      </c>
      <c r="C65" s="427">
        <v>1337600</v>
      </c>
      <c r="D65" s="427">
        <v>143657.47</v>
      </c>
      <c r="E65" s="427">
        <v>143657.47</v>
      </c>
      <c r="F65" s="427">
        <v>2.4945028838576065E-3</v>
      </c>
      <c r="G65" s="427">
        <v>1193942.53</v>
      </c>
      <c r="H65" s="427">
        <v>272.32</v>
      </c>
      <c r="I65" s="427">
        <v>272.32</v>
      </c>
      <c r="J65" s="427">
        <v>1.4622005232148787E-5</v>
      </c>
      <c r="K65" s="427">
        <v>1337327.68</v>
      </c>
      <c r="L65" s="426">
        <v>0</v>
      </c>
    </row>
    <row r="66" spans="1:13" ht="10.5" x14ac:dyDescent="0.2">
      <c r="A66" s="448" t="s">
        <v>673</v>
      </c>
      <c r="B66" s="427">
        <v>0</v>
      </c>
      <c r="C66" s="427">
        <v>0</v>
      </c>
      <c r="D66" s="427">
        <v>0</v>
      </c>
      <c r="E66" s="427">
        <v>0</v>
      </c>
      <c r="F66" s="427">
        <v>0</v>
      </c>
      <c r="G66" s="427">
        <v>0</v>
      </c>
      <c r="H66" s="427">
        <v>0</v>
      </c>
      <c r="I66" s="427">
        <v>0</v>
      </c>
      <c r="J66" s="427">
        <v>0</v>
      </c>
      <c r="K66" s="427">
        <v>0</v>
      </c>
      <c r="L66" s="426">
        <v>0</v>
      </c>
    </row>
    <row r="67" spans="1:13" ht="10.5" x14ac:dyDescent="0.2">
      <c r="A67" s="448" t="s">
        <v>725</v>
      </c>
      <c r="B67" s="427">
        <v>3191000</v>
      </c>
      <c r="C67" s="427">
        <v>3191000</v>
      </c>
      <c r="D67" s="427">
        <v>3191000</v>
      </c>
      <c r="E67" s="427">
        <v>3191000</v>
      </c>
      <c r="F67" s="427">
        <v>5.540929199428072E-2</v>
      </c>
      <c r="G67" s="427">
        <v>0</v>
      </c>
      <c r="H67" s="427">
        <v>407619.77</v>
      </c>
      <c r="I67" s="427">
        <v>407619.77</v>
      </c>
      <c r="J67" s="427">
        <v>2.188681848438339E-2</v>
      </c>
      <c r="K67" s="427">
        <v>2783380.23</v>
      </c>
      <c r="L67" s="428">
        <v>0</v>
      </c>
    </row>
    <row r="68" spans="1:13" s="264" customFormat="1" ht="11.25" customHeight="1" x14ac:dyDescent="0.2">
      <c r="A68" s="448" t="s">
        <v>683</v>
      </c>
      <c r="B68" s="427">
        <v>1137100</v>
      </c>
      <c r="C68" s="427">
        <v>1137100</v>
      </c>
      <c r="D68" s="427">
        <v>86860</v>
      </c>
      <c r="E68" s="427">
        <v>86860</v>
      </c>
      <c r="F68" s="427">
        <v>1.5082579450401827E-3</v>
      </c>
      <c r="G68" s="427">
        <v>1050240</v>
      </c>
      <c r="H68" s="427">
        <v>3154.8399999999997</v>
      </c>
      <c r="I68" s="427">
        <v>3154.8399999999997</v>
      </c>
      <c r="J68" s="427">
        <v>1.6939661790023604E-4</v>
      </c>
      <c r="K68" s="427">
        <v>1133945.1599999999</v>
      </c>
      <c r="L68" s="428">
        <v>0</v>
      </c>
      <c r="M68" s="217"/>
    </row>
    <row r="69" spans="1:13" s="264" customFormat="1" ht="11.25" customHeight="1" x14ac:dyDescent="0.2">
      <c r="A69" s="448" t="s">
        <v>870</v>
      </c>
      <c r="B69" s="427">
        <v>6595000</v>
      </c>
      <c r="C69" s="427">
        <v>6595000</v>
      </c>
      <c r="D69" s="427">
        <v>716415.1</v>
      </c>
      <c r="E69" s="427">
        <v>716415.1</v>
      </c>
      <c r="F69" s="427">
        <v>1.2440004219684055E-2</v>
      </c>
      <c r="G69" s="427">
        <v>5878584.9000000004</v>
      </c>
      <c r="H69" s="427">
        <v>716415.1</v>
      </c>
      <c r="I69" s="427">
        <v>716415.1</v>
      </c>
      <c r="J69" s="427">
        <v>3.8467337472790818E-2</v>
      </c>
      <c r="K69" s="427">
        <v>5878584.9000000004</v>
      </c>
      <c r="L69" s="428">
        <v>0</v>
      </c>
      <c r="M69" s="217"/>
    </row>
    <row r="70" spans="1:13" s="264" customFormat="1" ht="10.5" x14ac:dyDescent="0.2">
      <c r="A70" s="448" t="s">
        <v>871</v>
      </c>
      <c r="B70" s="427">
        <v>4027800</v>
      </c>
      <c r="C70" s="427">
        <v>3610400</v>
      </c>
      <c r="D70" s="427">
        <v>100655.42</v>
      </c>
      <c r="E70" s="427">
        <v>100655.42</v>
      </c>
      <c r="F70" s="427">
        <v>1.747804938134429E-3</v>
      </c>
      <c r="G70" s="427">
        <v>3509744.58</v>
      </c>
      <c r="H70" s="427">
        <v>14059.14</v>
      </c>
      <c r="I70" s="427">
        <v>14059.14</v>
      </c>
      <c r="J70" s="427">
        <v>7.5489431051524783E-4</v>
      </c>
      <c r="K70" s="427">
        <v>3596340.86</v>
      </c>
      <c r="L70" s="428">
        <v>0</v>
      </c>
      <c r="M70" s="217"/>
    </row>
    <row r="71" spans="1:13" s="264" customFormat="1" ht="10.5" x14ac:dyDescent="0.2">
      <c r="A71" s="448" t="s">
        <v>646</v>
      </c>
      <c r="B71" s="427">
        <v>624500</v>
      </c>
      <c r="C71" s="427">
        <v>624500</v>
      </c>
      <c r="D71" s="427">
        <v>40398.58</v>
      </c>
      <c r="E71" s="427">
        <v>40398.58</v>
      </c>
      <c r="F71" s="427">
        <v>7.01490666052745E-4</v>
      </c>
      <c r="G71" s="427">
        <v>584101.42000000004</v>
      </c>
      <c r="H71" s="427">
        <v>1070.48</v>
      </c>
      <c r="I71" s="427">
        <v>1070.48</v>
      </c>
      <c r="J71" s="427">
        <v>5.7478569921087815E-5</v>
      </c>
      <c r="K71" s="427">
        <v>623429.52</v>
      </c>
      <c r="L71" s="428">
        <v>0</v>
      </c>
      <c r="M71" s="217"/>
    </row>
    <row r="72" spans="1:13" s="264" customFormat="1" ht="10.5" x14ac:dyDescent="0.2">
      <c r="A72" s="448" t="s">
        <v>872</v>
      </c>
      <c r="B72" s="427">
        <v>142500</v>
      </c>
      <c r="C72" s="427">
        <v>142500</v>
      </c>
      <c r="D72" s="427"/>
      <c r="E72" s="427"/>
      <c r="F72" s="427">
        <v>0</v>
      </c>
      <c r="G72" s="427">
        <v>142500</v>
      </c>
      <c r="H72" s="427"/>
      <c r="I72" s="427"/>
      <c r="J72" s="427">
        <v>0</v>
      </c>
      <c r="K72" s="427">
        <v>142500</v>
      </c>
      <c r="L72" s="428">
        <v>0</v>
      </c>
      <c r="M72" s="217"/>
    </row>
    <row r="73" spans="1:13" s="264" customFormat="1" ht="10.5" x14ac:dyDescent="0.2">
      <c r="A73" s="448"/>
      <c r="B73" s="427"/>
      <c r="C73" s="425"/>
      <c r="D73" s="425"/>
      <c r="E73" s="425"/>
      <c r="F73" s="425"/>
      <c r="G73" s="425"/>
      <c r="H73" s="425"/>
      <c r="I73" s="425"/>
      <c r="J73" s="425"/>
      <c r="K73" s="425"/>
      <c r="L73" s="426"/>
      <c r="M73" s="217"/>
    </row>
    <row r="74" spans="1:13" s="66" customFormat="1" ht="10.5" x14ac:dyDescent="0.2">
      <c r="A74" s="142" t="s">
        <v>662</v>
      </c>
      <c r="B74" s="425">
        <v>24178700</v>
      </c>
      <c r="C74" s="425">
        <v>24197700</v>
      </c>
      <c r="D74" s="425">
        <v>1428671.31</v>
      </c>
      <c r="E74" s="425">
        <v>1428671.31</v>
      </c>
      <c r="F74" s="425">
        <v>2.4807792472466797E-2</v>
      </c>
      <c r="G74" s="425">
        <v>22769028.689999998</v>
      </c>
      <c r="H74" s="425">
        <v>1195279.6799999997</v>
      </c>
      <c r="I74" s="425">
        <v>1195279.6799999997</v>
      </c>
      <c r="J74" s="425">
        <v>6.4179589214310828E-2</v>
      </c>
      <c r="K74" s="425">
        <v>23002420.32</v>
      </c>
      <c r="L74" s="426">
        <v>0</v>
      </c>
      <c r="M74" s="155"/>
    </row>
    <row r="75" spans="1:13" s="264" customFormat="1" ht="10.5" x14ac:dyDescent="0.2">
      <c r="A75" s="448" t="s">
        <v>647</v>
      </c>
      <c r="B75" s="427">
        <v>7125000</v>
      </c>
      <c r="C75" s="427">
        <v>7144000</v>
      </c>
      <c r="D75" s="427">
        <v>1059116.9099999999</v>
      </c>
      <c r="E75" s="427">
        <v>1059116.9099999999</v>
      </c>
      <c r="F75" s="427">
        <v>1.8390760928320378E-2</v>
      </c>
      <c r="G75" s="427">
        <v>6084883.0899999999</v>
      </c>
      <c r="H75" s="427">
        <v>1049163.5499999998</v>
      </c>
      <c r="I75" s="427">
        <v>1049163.5499999998</v>
      </c>
      <c r="J75" s="427">
        <v>5.6334000137631436E-2</v>
      </c>
      <c r="K75" s="427">
        <v>6094836.4500000002</v>
      </c>
      <c r="L75" s="428">
        <v>0</v>
      </c>
      <c r="M75" s="217"/>
    </row>
    <row r="76" spans="1:13" s="264" customFormat="1" ht="10.5" x14ac:dyDescent="0.2">
      <c r="A76" s="448" t="s">
        <v>670</v>
      </c>
      <c r="B76" s="427">
        <v>17053700</v>
      </c>
      <c r="C76" s="427">
        <v>17053700</v>
      </c>
      <c r="D76" s="427">
        <v>369554.40000000008</v>
      </c>
      <c r="E76" s="427">
        <v>369554.40000000008</v>
      </c>
      <c r="F76" s="427">
        <v>6.4170315441464173E-3</v>
      </c>
      <c r="G76" s="427">
        <v>16684145.6</v>
      </c>
      <c r="H76" s="427">
        <v>146116.12999999998</v>
      </c>
      <c r="I76" s="427">
        <v>146116.12999999998</v>
      </c>
      <c r="J76" s="427">
        <v>7.8455890766793903E-3</v>
      </c>
      <c r="K76" s="427">
        <v>16907583.870000001</v>
      </c>
      <c r="L76" s="428">
        <v>0</v>
      </c>
      <c r="M76" s="217"/>
    </row>
    <row r="77" spans="1:13" ht="10.5" x14ac:dyDescent="0.2">
      <c r="A77" s="448"/>
      <c r="B77" s="427"/>
      <c r="C77" s="425"/>
      <c r="D77" s="425"/>
      <c r="E77" s="425"/>
      <c r="F77" s="425"/>
      <c r="G77" s="425"/>
      <c r="H77" s="425"/>
      <c r="I77" s="425"/>
      <c r="J77" s="425"/>
      <c r="K77" s="425"/>
      <c r="L77" s="426"/>
    </row>
    <row r="78" spans="1:13" s="66" customFormat="1" ht="10.5" x14ac:dyDescent="0.2">
      <c r="A78" s="142" t="s">
        <v>678</v>
      </c>
      <c r="B78" s="425">
        <v>1380321800</v>
      </c>
      <c r="C78" s="425">
        <v>1401126008</v>
      </c>
      <c r="D78" s="425">
        <v>476719124.10000014</v>
      </c>
      <c r="E78" s="425">
        <v>476719124.10000014</v>
      </c>
      <c r="F78" s="425">
        <v>8.2778656053007378</v>
      </c>
      <c r="G78" s="425">
        <v>924406883.89999974</v>
      </c>
      <c r="H78" s="425">
        <v>234461184.05000016</v>
      </c>
      <c r="I78" s="425">
        <v>234461184.05000016</v>
      </c>
      <c r="J78" s="425">
        <v>12.589206301097613</v>
      </c>
      <c r="K78" s="425">
        <v>1166664823.9499998</v>
      </c>
      <c r="L78" s="426">
        <v>0</v>
      </c>
      <c r="M78" s="155"/>
    </row>
    <row r="79" spans="1:13" s="264" customFormat="1" ht="10.5" x14ac:dyDescent="0.2">
      <c r="A79" s="22" t="s">
        <v>647</v>
      </c>
      <c r="B79" s="427">
        <v>1085044900</v>
      </c>
      <c r="C79" s="427">
        <v>1108860918</v>
      </c>
      <c r="D79" s="427">
        <v>410195977.01000017</v>
      </c>
      <c r="E79" s="427">
        <v>410195977.01000017</v>
      </c>
      <c r="F79" s="427">
        <v>7.1227416687641361</v>
      </c>
      <c r="G79" s="427">
        <v>698664940.98999977</v>
      </c>
      <c r="H79" s="427">
        <v>203945130.65000015</v>
      </c>
      <c r="I79" s="427">
        <v>203945130.65000015</v>
      </c>
      <c r="J79" s="427">
        <v>10.950671149513697</v>
      </c>
      <c r="K79" s="427">
        <v>904915787.3499999</v>
      </c>
      <c r="L79" s="428">
        <v>0</v>
      </c>
      <c r="M79" s="217"/>
    </row>
    <row r="80" spans="1:13" s="264" customFormat="1" ht="10.5" x14ac:dyDescent="0.2">
      <c r="A80" s="448" t="s">
        <v>671</v>
      </c>
      <c r="B80" s="427">
        <v>10066700</v>
      </c>
      <c r="C80" s="427">
        <v>21178018</v>
      </c>
      <c r="D80" s="427">
        <v>12301122.440000001</v>
      </c>
      <c r="E80" s="427">
        <v>12301122.440000001</v>
      </c>
      <c r="F80" s="427">
        <v>0.21359965062217454</v>
      </c>
      <c r="G80" s="427">
        <v>8876895.5599999987</v>
      </c>
      <c r="H80" s="427">
        <v>6026420.2599999998</v>
      </c>
      <c r="I80" s="427">
        <v>6026420.2599999998</v>
      </c>
      <c r="J80" s="427">
        <v>0.3235838299531707</v>
      </c>
      <c r="K80" s="427">
        <v>15151597.74</v>
      </c>
      <c r="L80" s="428">
        <v>0</v>
      </c>
      <c r="M80" s="217"/>
    </row>
    <row r="81" spans="1:13" s="264" customFormat="1" ht="10.5" x14ac:dyDescent="0.2">
      <c r="A81" s="448" t="s">
        <v>672</v>
      </c>
      <c r="B81" s="427">
        <v>5402500</v>
      </c>
      <c r="C81" s="427">
        <v>17314440</v>
      </c>
      <c r="D81" s="427">
        <v>14407869.169999998</v>
      </c>
      <c r="E81" s="427">
        <v>14407869.169999998</v>
      </c>
      <c r="F81" s="427">
        <v>0.25018170788339855</v>
      </c>
      <c r="G81" s="427">
        <v>2906570.8300000019</v>
      </c>
      <c r="H81" s="427">
        <v>11450870.539999999</v>
      </c>
      <c r="I81" s="427">
        <v>11450870.539999999</v>
      </c>
      <c r="J81" s="427">
        <v>0.61484536188505579</v>
      </c>
      <c r="K81" s="427">
        <v>5863569.4600000009</v>
      </c>
      <c r="L81" s="428">
        <v>0</v>
      </c>
      <c r="M81" s="217"/>
    </row>
    <row r="82" spans="1:13" s="264" customFormat="1" ht="10.5" x14ac:dyDescent="0.2">
      <c r="A82" s="448" t="s">
        <v>673</v>
      </c>
      <c r="B82" s="427">
        <v>13770800</v>
      </c>
      <c r="C82" s="427">
        <v>22259628.999999996</v>
      </c>
      <c r="D82" s="427">
        <v>9154043.2599999998</v>
      </c>
      <c r="E82" s="427">
        <v>9154043.2599999998</v>
      </c>
      <c r="F82" s="427">
        <v>0.15895301031702205</v>
      </c>
      <c r="G82" s="427">
        <v>13105585.739999996</v>
      </c>
      <c r="H82" s="427">
        <v>416698.32999999996</v>
      </c>
      <c r="I82" s="427">
        <v>416698.32999999996</v>
      </c>
      <c r="J82" s="427">
        <v>2.237428452367678E-2</v>
      </c>
      <c r="K82" s="427">
        <v>21842930.669999998</v>
      </c>
      <c r="L82" s="428">
        <v>0</v>
      </c>
      <c r="M82" s="217"/>
    </row>
    <row r="83" spans="1:13" s="264" customFormat="1" ht="10.5" x14ac:dyDescent="0.2">
      <c r="A83" s="448" t="s">
        <v>674</v>
      </c>
      <c r="B83" s="427">
        <v>44663400</v>
      </c>
      <c r="C83" s="427">
        <v>44487800</v>
      </c>
      <c r="D83" s="427">
        <v>3811904.32</v>
      </c>
      <c r="E83" s="427">
        <v>3811904.32</v>
      </c>
      <c r="F83" s="427">
        <v>6.6190824042977145E-2</v>
      </c>
      <c r="G83" s="427">
        <v>40675895.68</v>
      </c>
      <c r="H83" s="427">
        <v>1888451.12</v>
      </c>
      <c r="I83" s="427">
        <v>1888451.12</v>
      </c>
      <c r="J83" s="427">
        <v>0.10139887689959326</v>
      </c>
      <c r="K83" s="427">
        <v>42599348.880000003</v>
      </c>
      <c r="L83" s="428">
        <v>0</v>
      </c>
      <c r="M83" s="217"/>
    </row>
    <row r="84" spans="1:13" s="264" customFormat="1" ht="10.5" x14ac:dyDescent="0.2">
      <c r="A84" s="448" t="s">
        <v>675</v>
      </c>
      <c r="B84" s="427">
        <v>177600</v>
      </c>
      <c r="C84" s="427">
        <v>0</v>
      </c>
      <c r="D84" s="427">
        <v>0</v>
      </c>
      <c r="E84" s="427">
        <v>0</v>
      </c>
      <c r="F84" s="427">
        <v>0</v>
      </c>
      <c r="G84" s="427">
        <v>0</v>
      </c>
      <c r="H84" s="427">
        <v>0</v>
      </c>
      <c r="I84" s="427">
        <v>0</v>
      </c>
      <c r="J84" s="427">
        <v>0</v>
      </c>
      <c r="K84" s="427">
        <v>0</v>
      </c>
      <c r="L84" s="428">
        <v>0</v>
      </c>
      <c r="M84" s="217"/>
    </row>
    <row r="85" spans="1:13" s="264" customFormat="1" ht="10.5" x14ac:dyDescent="0.2">
      <c r="A85" s="448" t="s">
        <v>676</v>
      </c>
      <c r="B85" s="427">
        <v>4171000</v>
      </c>
      <c r="C85" s="427">
        <v>1745700</v>
      </c>
      <c r="D85" s="427">
        <v>687264.26</v>
      </c>
      <c r="E85" s="427">
        <v>687264.26</v>
      </c>
      <c r="F85" s="427">
        <v>1.1933822018042389E-2</v>
      </c>
      <c r="G85" s="427">
        <v>1058435.74</v>
      </c>
      <c r="H85" s="427">
        <v>411287.99</v>
      </c>
      <c r="I85" s="427">
        <v>411287.99</v>
      </c>
      <c r="J85" s="427">
        <v>2.208378063197693E-2</v>
      </c>
      <c r="K85" s="427">
        <v>1334412.01</v>
      </c>
      <c r="L85" s="428">
        <v>0</v>
      </c>
      <c r="M85" s="217"/>
    </row>
    <row r="86" spans="1:13" s="264" customFormat="1" ht="10.5" x14ac:dyDescent="0.2">
      <c r="A86" s="448" t="s">
        <v>677</v>
      </c>
      <c r="B86" s="427">
        <v>19362700</v>
      </c>
      <c r="C86" s="427">
        <v>14472875</v>
      </c>
      <c r="D86" s="427">
        <v>343854.16</v>
      </c>
      <c r="E86" s="427">
        <v>343854.16</v>
      </c>
      <c r="F86" s="427">
        <v>5.9707663913782889E-3</v>
      </c>
      <c r="G86" s="427">
        <v>14129020.84</v>
      </c>
      <c r="H86" s="427">
        <v>0</v>
      </c>
      <c r="I86" s="427">
        <v>0</v>
      </c>
      <c r="J86" s="427">
        <v>0</v>
      </c>
      <c r="K86" s="427">
        <v>14472875</v>
      </c>
      <c r="L86" s="428">
        <v>0</v>
      </c>
      <c r="M86" s="217"/>
    </row>
    <row r="87" spans="1:13" s="264" customFormat="1" ht="10.5" x14ac:dyDescent="0.2">
      <c r="A87" s="448" t="s">
        <v>746</v>
      </c>
      <c r="B87" s="427">
        <v>192709500</v>
      </c>
      <c r="C87" s="427">
        <v>165114828.00000003</v>
      </c>
      <c r="D87" s="427">
        <v>25062842.139999989</v>
      </c>
      <c r="E87" s="427">
        <v>25062842.139999989</v>
      </c>
      <c r="F87" s="427">
        <v>0.43519722292128576</v>
      </c>
      <c r="G87" s="427">
        <v>140051985.86000004</v>
      </c>
      <c r="H87" s="427">
        <v>9748909.4399999995</v>
      </c>
      <c r="I87" s="427">
        <v>9748909.4399999995</v>
      </c>
      <c r="J87" s="427">
        <v>0.52345991788860413</v>
      </c>
      <c r="K87" s="427">
        <v>155365918.56000003</v>
      </c>
      <c r="L87" s="428">
        <v>0</v>
      </c>
      <c r="M87" s="217"/>
    </row>
    <row r="88" spans="1:13" s="264" customFormat="1" ht="10.5" x14ac:dyDescent="0.2">
      <c r="A88" s="448" t="s">
        <v>699</v>
      </c>
      <c r="B88" s="427">
        <v>4702700</v>
      </c>
      <c r="C88" s="427">
        <v>4878300</v>
      </c>
      <c r="D88" s="427">
        <v>734247.34</v>
      </c>
      <c r="E88" s="427">
        <v>734247.34</v>
      </c>
      <c r="F88" s="427">
        <v>1.2749647526820404E-2</v>
      </c>
      <c r="G88" s="427">
        <v>4144052.66</v>
      </c>
      <c r="H88" s="427">
        <v>571714.06000000006</v>
      </c>
      <c r="I88" s="427">
        <v>571714.06000000006</v>
      </c>
      <c r="J88" s="427">
        <v>3.0697730525165345E-2</v>
      </c>
      <c r="K88" s="427">
        <v>4306585.9399999995</v>
      </c>
      <c r="L88" s="428">
        <v>0</v>
      </c>
      <c r="M88" s="217"/>
    </row>
    <row r="89" spans="1:13" s="264" customFormat="1" ht="10.5" x14ac:dyDescent="0.2">
      <c r="A89" s="448" t="s">
        <v>701</v>
      </c>
      <c r="B89" s="427">
        <v>0</v>
      </c>
      <c r="C89" s="427">
        <v>0</v>
      </c>
      <c r="D89" s="427">
        <v>0</v>
      </c>
      <c r="E89" s="427">
        <v>0</v>
      </c>
      <c r="F89" s="427">
        <v>0</v>
      </c>
      <c r="G89" s="427">
        <v>0</v>
      </c>
      <c r="H89" s="427">
        <v>0</v>
      </c>
      <c r="I89" s="427">
        <v>0</v>
      </c>
      <c r="J89" s="427">
        <v>0</v>
      </c>
      <c r="K89" s="427">
        <v>0</v>
      </c>
      <c r="L89" s="428">
        <v>0</v>
      </c>
      <c r="M89" s="217"/>
    </row>
    <row r="90" spans="1:13" s="264" customFormat="1" ht="10.5" x14ac:dyDescent="0.2">
      <c r="A90" s="448" t="s">
        <v>725</v>
      </c>
      <c r="B90" s="427">
        <v>0</v>
      </c>
      <c r="C90" s="427">
        <v>0</v>
      </c>
      <c r="D90" s="427">
        <v>0</v>
      </c>
      <c r="E90" s="427">
        <v>0</v>
      </c>
      <c r="F90" s="427">
        <v>0</v>
      </c>
      <c r="G90" s="427">
        <v>0</v>
      </c>
      <c r="H90" s="427">
        <v>0</v>
      </c>
      <c r="I90" s="427">
        <v>0</v>
      </c>
      <c r="J90" s="427">
        <v>0</v>
      </c>
      <c r="K90" s="427">
        <v>0</v>
      </c>
      <c r="L90" s="428">
        <v>0</v>
      </c>
      <c r="M90" s="217"/>
    </row>
    <row r="91" spans="1:13" s="264" customFormat="1" ht="10.5" x14ac:dyDescent="0.2">
      <c r="A91" s="448" t="s">
        <v>683</v>
      </c>
      <c r="B91" s="427">
        <v>250000</v>
      </c>
      <c r="C91" s="427">
        <v>813500</v>
      </c>
      <c r="D91" s="427">
        <v>20000</v>
      </c>
      <c r="E91" s="427">
        <v>20000</v>
      </c>
      <c r="F91" s="427">
        <v>3.4728481350222951E-4</v>
      </c>
      <c r="G91" s="427">
        <v>793500</v>
      </c>
      <c r="H91" s="427">
        <v>1701.66</v>
      </c>
      <c r="I91" s="427">
        <v>1701.66</v>
      </c>
      <c r="J91" s="427">
        <v>9.1369276672070751E-5</v>
      </c>
      <c r="K91" s="427">
        <v>811798.34</v>
      </c>
      <c r="L91" s="428">
        <v>0</v>
      </c>
      <c r="M91" s="217"/>
    </row>
    <row r="92" spans="1:13" ht="10.5" x14ac:dyDescent="0.2">
      <c r="A92" s="448"/>
      <c r="B92" s="427"/>
      <c r="C92" s="425"/>
      <c r="D92" s="425"/>
      <c r="E92" s="425"/>
      <c r="F92" s="425"/>
      <c r="G92" s="425"/>
      <c r="H92" s="425"/>
      <c r="I92" s="425"/>
      <c r="J92" s="425"/>
      <c r="K92" s="425"/>
      <c r="L92" s="426"/>
    </row>
    <row r="93" spans="1:13" s="66" customFormat="1" ht="10.5" x14ac:dyDescent="0.2">
      <c r="A93" s="142" t="s">
        <v>679</v>
      </c>
      <c r="B93" s="425">
        <v>53433000</v>
      </c>
      <c r="C93" s="425">
        <v>53433000</v>
      </c>
      <c r="D93" s="425">
        <v>6888500.8799999999</v>
      </c>
      <c r="E93" s="425">
        <v>6888500.8799999999</v>
      </c>
      <c r="F93" s="425">
        <v>0.11961358717103719</v>
      </c>
      <c r="G93" s="425">
        <v>46544499.119999997</v>
      </c>
      <c r="H93" s="425">
        <v>2403278.9999999995</v>
      </c>
      <c r="I93" s="425">
        <v>2403278.9999999995</v>
      </c>
      <c r="J93" s="425">
        <v>0.129042149354852</v>
      </c>
      <c r="K93" s="425">
        <v>51029721</v>
      </c>
      <c r="L93" s="426">
        <v>0</v>
      </c>
      <c r="M93" s="155"/>
    </row>
    <row r="94" spans="1:13" ht="10.5" x14ac:dyDescent="0.2">
      <c r="A94" s="448" t="s">
        <v>680</v>
      </c>
      <c r="B94" s="427">
        <v>53293000</v>
      </c>
      <c r="C94" s="427">
        <v>53293000</v>
      </c>
      <c r="D94" s="427">
        <v>6888500.8799999999</v>
      </c>
      <c r="E94" s="427">
        <v>6888500.8799999999</v>
      </c>
      <c r="F94" s="427">
        <v>0.11961358717103719</v>
      </c>
      <c r="G94" s="427">
        <v>46404499.119999997</v>
      </c>
      <c r="H94" s="427">
        <v>2403278.9999999995</v>
      </c>
      <c r="I94" s="427">
        <v>2403278.9999999995</v>
      </c>
      <c r="J94" s="427">
        <v>0.129042149354852</v>
      </c>
      <c r="K94" s="427">
        <v>50889721</v>
      </c>
      <c r="L94" s="426">
        <v>0</v>
      </c>
    </row>
    <row r="95" spans="1:13" s="264" customFormat="1" ht="10.5" x14ac:dyDescent="0.2">
      <c r="A95" s="448" t="s">
        <v>712</v>
      </c>
      <c r="B95" s="427">
        <v>140000</v>
      </c>
      <c r="C95" s="427">
        <v>140000</v>
      </c>
      <c r="D95" s="427">
        <v>0</v>
      </c>
      <c r="E95" s="427">
        <v>0</v>
      </c>
      <c r="F95" s="427">
        <v>0</v>
      </c>
      <c r="G95" s="427">
        <v>140000</v>
      </c>
      <c r="H95" s="427"/>
      <c r="I95" s="427"/>
      <c r="J95" s="427">
        <v>0</v>
      </c>
      <c r="K95" s="427">
        <v>140000</v>
      </c>
      <c r="L95" s="426">
        <v>0</v>
      </c>
      <c r="M95" s="217"/>
    </row>
    <row r="96" spans="1:13" ht="10.5" x14ac:dyDescent="0.2">
      <c r="A96" s="448"/>
      <c r="B96" s="427"/>
      <c r="C96" s="425"/>
      <c r="D96" s="425"/>
      <c r="E96" s="425"/>
      <c r="F96" s="425"/>
      <c r="G96" s="425"/>
      <c r="H96" s="425"/>
      <c r="I96" s="425"/>
      <c r="J96" s="425"/>
      <c r="K96" s="425"/>
      <c r="L96" s="426"/>
    </row>
    <row r="97" spans="1:13" s="66" customFormat="1" ht="10.5" x14ac:dyDescent="0.2">
      <c r="A97" s="142" t="s">
        <v>681</v>
      </c>
      <c r="B97" s="425">
        <v>176717300</v>
      </c>
      <c r="C97" s="425">
        <v>176145172.99999997</v>
      </c>
      <c r="D97" s="425">
        <v>51330019</v>
      </c>
      <c r="E97" s="425">
        <v>51330019</v>
      </c>
      <c r="F97" s="425">
        <v>0.89130680377404492</v>
      </c>
      <c r="G97" s="425">
        <v>124815153.99999997</v>
      </c>
      <c r="H97" s="425">
        <v>44310537.779999994</v>
      </c>
      <c r="I97" s="425">
        <v>44310537.779999994</v>
      </c>
      <c r="J97" s="425">
        <v>2.3792189896389777</v>
      </c>
      <c r="K97" s="425">
        <v>131834635.21999997</v>
      </c>
      <c r="L97" s="426">
        <v>0</v>
      </c>
      <c r="M97" s="155"/>
    </row>
    <row r="98" spans="1:13" ht="10.5" x14ac:dyDescent="0.2">
      <c r="A98" s="448" t="s">
        <v>652</v>
      </c>
      <c r="B98" s="427">
        <v>9738100</v>
      </c>
      <c r="C98" s="427">
        <v>9720100</v>
      </c>
      <c r="D98" s="427">
        <v>6334456.8300000001</v>
      </c>
      <c r="E98" s="427">
        <v>6334456.8300000001</v>
      </c>
      <c r="F98" s="427">
        <v>0.10999303294222369</v>
      </c>
      <c r="G98" s="427">
        <v>3385643.17</v>
      </c>
      <c r="H98" s="427">
        <v>1305512.8</v>
      </c>
      <c r="I98" s="427">
        <v>1305512.8</v>
      </c>
      <c r="J98" s="427">
        <v>7.0098468684772375E-2</v>
      </c>
      <c r="K98" s="427">
        <v>8414587.1999999993</v>
      </c>
      <c r="L98" s="426">
        <v>0</v>
      </c>
    </row>
    <row r="99" spans="1:13" ht="10.5" x14ac:dyDescent="0.2">
      <c r="A99" s="448" t="s">
        <v>682</v>
      </c>
      <c r="B99" s="427">
        <v>163544000</v>
      </c>
      <c r="C99" s="427">
        <v>162201572.99999997</v>
      </c>
      <c r="D99" s="427">
        <v>44753411.079999998</v>
      </c>
      <c r="E99" s="427">
        <v>44753411.079999998</v>
      </c>
      <c r="F99" s="427">
        <v>0.77710900102532054</v>
      </c>
      <c r="G99" s="427">
        <v>117448161.91999997</v>
      </c>
      <c r="H99" s="427">
        <v>42956647.43</v>
      </c>
      <c r="I99" s="427">
        <v>42956647.43</v>
      </c>
      <c r="J99" s="427">
        <v>2.3065229269867462</v>
      </c>
      <c r="K99" s="427">
        <v>119244925.56999996</v>
      </c>
      <c r="L99" s="426">
        <v>0</v>
      </c>
    </row>
    <row r="100" spans="1:13" ht="10.5" x14ac:dyDescent="0.2">
      <c r="A100" s="448" t="s">
        <v>683</v>
      </c>
      <c r="B100" s="427">
        <v>3225200</v>
      </c>
      <c r="C100" s="427">
        <v>4013500.0000000009</v>
      </c>
      <c r="D100" s="427">
        <v>242151.09000000003</v>
      </c>
      <c r="E100" s="427">
        <v>242151.09000000003</v>
      </c>
      <c r="F100" s="427">
        <v>4.2047698065005804E-3</v>
      </c>
      <c r="G100" s="427">
        <v>3771348.9100000011</v>
      </c>
      <c r="H100" s="427">
        <v>48377.549999999996</v>
      </c>
      <c r="I100" s="427">
        <v>48377.549999999996</v>
      </c>
      <c r="J100" s="427">
        <v>2.5975939674593839E-3</v>
      </c>
      <c r="K100" s="427">
        <v>3965122.4500000011</v>
      </c>
      <c r="L100" s="426">
        <v>0</v>
      </c>
    </row>
    <row r="101" spans="1:13" s="264" customFormat="1" ht="10.5" x14ac:dyDescent="0.2">
      <c r="A101" s="448" t="s">
        <v>684</v>
      </c>
      <c r="B101" s="427">
        <v>210000</v>
      </c>
      <c r="C101" s="427">
        <v>210000</v>
      </c>
      <c r="D101" s="427">
        <v>0</v>
      </c>
      <c r="E101" s="427">
        <v>0</v>
      </c>
      <c r="F101" s="427">
        <v>0</v>
      </c>
      <c r="G101" s="427">
        <v>210000</v>
      </c>
      <c r="H101" s="427">
        <v>0</v>
      </c>
      <c r="I101" s="427">
        <v>0</v>
      </c>
      <c r="J101" s="502">
        <v>0</v>
      </c>
      <c r="K101" s="427">
        <v>210000</v>
      </c>
      <c r="L101" s="426">
        <v>0</v>
      </c>
      <c r="M101" s="217"/>
    </row>
    <row r="102" spans="1:13" ht="10.5" x14ac:dyDescent="0.2">
      <c r="A102" s="448"/>
      <c r="B102" s="427"/>
      <c r="C102" s="427"/>
      <c r="D102" s="427"/>
      <c r="E102" s="427"/>
      <c r="F102" s="427"/>
      <c r="G102" s="427"/>
      <c r="H102" s="427"/>
      <c r="I102" s="427"/>
      <c r="J102" s="425"/>
      <c r="K102" s="425"/>
      <c r="L102" s="426"/>
    </row>
    <row r="103" spans="1:13" s="66" customFormat="1" ht="10.5" x14ac:dyDescent="0.2">
      <c r="A103" s="142" t="s">
        <v>685</v>
      </c>
      <c r="B103" s="425">
        <v>22559400</v>
      </c>
      <c r="C103" s="425">
        <v>18456400</v>
      </c>
      <c r="D103" s="425">
        <v>301042.3</v>
      </c>
      <c r="E103" s="425">
        <v>301042.3</v>
      </c>
      <c r="F103" s="425">
        <v>5.2273709505891112E-3</v>
      </c>
      <c r="G103" s="425">
        <v>18155357.699999999</v>
      </c>
      <c r="H103" s="425">
        <v>0</v>
      </c>
      <c r="I103" s="425">
        <v>0</v>
      </c>
      <c r="J103" s="425">
        <v>0</v>
      </c>
      <c r="K103" s="425">
        <v>18456400</v>
      </c>
      <c r="L103" s="426">
        <v>0</v>
      </c>
      <c r="M103" s="155"/>
    </row>
    <row r="104" spans="1:13" s="264" customFormat="1" ht="10.5" x14ac:dyDescent="0.2">
      <c r="A104" s="448" t="s">
        <v>686</v>
      </c>
      <c r="B104" s="427">
        <v>22559400</v>
      </c>
      <c r="C104" s="427">
        <v>18456400</v>
      </c>
      <c r="D104" s="427">
        <v>301042.3</v>
      </c>
      <c r="E104" s="427">
        <v>301042.3</v>
      </c>
      <c r="F104" s="427">
        <v>5.2273709505891112E-3</v>
      </c>
      <c r="G104" s="427">
        <v>18155357.699999999</v>
      </c>
      <c r="H104" s="427">
        <v>0</v>
      </c>
      <c r="I104" s="427">
        <v>0</v>
      </c>
      <c r="J104" s="427">
        <v>0</v>
      </c>
      <c r="K104" s="427">
        <v>18456400</v>
      </c>
      <c r="L104" s="428">
        <v>0</v>
      </c>
      <c r="M104" s="217"/>
    </row>
    <row r="105" spans="1:13" s="264" customFormat="1" ht="10.5" x14ac:dyDescent="0.2">
      <c r="A105" s="448" t="s">
        <v>687</v>
      </c>
      <c r="B105" s="427">
        <v>0</v>
      </c>
      <c r="C105" s="427">
        <v>0</v>
      </c>
      <c r="D105" s="427">
        <v>0</v>
      </c>
      <c r="E105" s="427">
        <v>0</v>
      </c>
      <c r="F105" s="427">
        <v>0</v>
      </c>
      <c r="G105" s="427">
        <v>0</v>
      </c>
      <c r="H105" s="427">
        <v>0</v>
      </c>
      <c r="I105" s="427">
        <v>0</v>
      </c>
      <c r="J105" s="427">
        <v>0</v>
      </c>
      <c r="K105" s="427">
        <v>0</v>
      </c>
      <c r="L105" s="428">
        <v>0</v>
      </c>
      <c r="M105" s="217"/>
    </row>
    <row r="106" spans="1:13" ht="10.5" x14ac:dyDescent="0.2">
      <c r="A106" s="448"/>
      <c r="B106" s="427"/>
      <c r="C106" s="425"/>
      <c r="D106" s="425"/>
      <c r="E106" s="425"/>
      <c r="F106" s="425"/>
      <c r="G106" s="425"/>
      <c r="H106" s="425"/>
      <c r="I106" s="425"/>
      <c r="J106" s="425"/>
      <c r="K106" s="425"/>
      <c r="L106" s="426"/>
    </row>
    <row r="107" spans="1:13" s="66" customFormat="1" ht="10.5" x14ac:dyDescent="0.2">
      <c r="A107" s="171" t="s">
        <v>747</v>
      </c>
      <c r="B107" s="425">
        <v>135754500</v>
      </c>
      <c r="C107" s="425">
        <v>135754500</v>
      </c>
      <c r="D107" s="425">
        <v>17279689.879999995</v>
      </c>
      <c r="E107" s="425">
        <v>17279689.879999995</v>
      </c>
      <c r="F107" s="425">
        <v>0.30004869386760807</v>
      </c>
      <c r="G107" s="425">
        <v>118474810.12</v>
      </c>
      <c r="H107" s="425">
        <v>3699290.3400000008</v>
      </c>
      <c r="I107" s="425">
        <v>3699290.3400000008</v>
      </c>
      <c r="J107" s="425">
        <v>0.19863044472208236</v>
      </c>
      <c r="K107" s="425">
        <v>132055209.66</v>
      </c>
      <c r="L107" s="426">
        <v>0</v>
      </c>
      <c r="M107" s="155"/>
    </row>
    <row r="108" spans="1:13" ht="10.5" x14ac:dyDescent="0.2">
      <c r="A108" s="448" t="s">
        <v>647</v>
      </c>
      <c r="B108" s="427">
        <v>11933500</v>
      </c>
      <c r="C108" s="427">
        <v>11568800</v>
      </c>
      <c r="D108" s="427">
        <v>9527218.1699999981</v>
      </c>
      <c r="E108" s="427">
        <v>9527218.1699999981</v>
      </c>
      <c r="F108" s="427">
        <v>0.16543290926817508</v>
      </c>
      <c r="G108" s="427">
        <v>2041581.8300000019</v>
      </c>
      <c r="H108" s="427">
        <v>2233505.9600000004</v>
      </c>
      <c r="I108" s="427">
        <v>2233505.9600000004</v>
      </c>
      <c r="J108" s="427">
        <v>0.11992632136146998</v>
      </c>
      <c r="K108" s="427">
        <v>9335294.0399999991</v>
      </c>
      <c r="L108" s="426">
        <v>0</v>
      </c>
    </row>
    <row r="109" spans="1:13" ht="10.5" x14ac:dyDescent="0.2">
      <c r="A109" s="448" t="s">
        <v>648</v>
      </c>
      <c r="B109" s="427">
        <v>1000</v>
      </c>
      <c r="C109" s="427">
        <v>1000</v>
      </c>
      <c r="D109" s="427">
        <v>0</v>
      </c>
      <c r="E109" s="427">
        <v>0</v>
      </c>
      <c r="F109" s="427">
        <v>0</v>
      </c>
      <c r="G109" s="427">
        <v>1000</v>
      </c>
      <c r="H109" s="427">
        <v>0</v>
      </c>
      <c r="I109" s="427">
        <v>0</v>
      </c>
      <c r="J109" s="427">
        <v>0</v>
      </c>
      <c r="K109" s="427">
        <v>1000</v>
      </c>
      <c r="L109" s="426">
        <v>0</v>
      </c>
    </row>
    <row r="110" spans="1:13" ht="10.5" x14ac:dyDescent="0.2">
      <c r="A110" s="448" t="s">
        <v>689</v>
      </c>
      <c r="B110" s="427">
        <v>123820000</v>
      </c>
      <c r="C110" s="427">
        <v>124184700</v>
      </c>
      <c r="D110" s="427">
        <v>7752471.7099999981</v>
      </c>
      <c r="E110" s="427">
        <v>7752471.7099999981</v>
      </c>
      <c r="F110" s="427">
        <v>0.13461578459943299</v>
      </c>
      <c r="G110" s="427">
        <v>116432228.29000001</v>
      </c>
      <c r="H110" s="427">
        <v>1465784.3800000004</v>
      </c>
      <c r="I110" s="427">
        <v>1465784.3800000004</v>
      </c>
      <c r="J110" s="427">
        <v>7.8704123360612402E-2</v>
      </c>
      <c r="K110" s="427">
        <v>122718915.62</v>
      </c>
      <c r="L110" s="426">
        <v>0</v>
      </c>
    </row>
    <row r="111" spans="1:13" ht="10.5" x14ac:dyDescent="0.2">
      <c r="A111" s="448"/>
      <c r="B111" s="427"/>
      <c r="C111" s="427"/>
      <c r="D111" s="427"/>
      <c r="E111" s="427"/>
      <c r="F111" s="427"/>
      <c r="G111" s="427"/>
      <c r="H111" s="427"/>
      <c r="I111" s="427"/>
      <c r="J111" s="427"/>
      <c r="K111" s="427"/>
      <c r="L111" s="426"/>
    </row>
    <row r="112" spans="1:13" s="66" customFormat="1" ht="10.5" x14ac:dyDescent="0.2">
      <c r="A112" s="142" t="s">
        <v>690</v>
      </c>
      <c r="B112" s="425">
        <v>104391400</v>
      </c>
      <c r="C112" s="425">
        <v>114244400.00000001</v>
      </c>
      <c r="D112" s="425">
        <v>42619219.25</v>
      </c>
      <c r="E112" s="425">
        <v>42619219.25</v>
      </c>
      <c r="F112" s="425">
        <v>0.74005038044234406</v>
      </c>
      <c r="G112" s="425">
        <v>71625180.750000015</v>
      </c>
      <c r="H112" s="425">
        <v>367278.43</v>
      </c>
      <c r="I112" s="425">
        <v>367278.43</v>
      </c>
      <c r="J112" s="425">
        <v>1.9720722404213395E-2</v>
      </c>
      <c r="K112" s="425">
        <v>113877121.57000001</v>
      </c>
      <c r="L112" s="426">
        <v>0</v>
      </c>
      <c r="M112" s="155"/>
    </row>
    <row r="113" spans="1:13" ht="10.5" x14ac:dyDescent="0.2">
      <c r="A113" s="448" t="s">
        <v>691</v>
      </c>
      <c r="B113" s="427">
        <v>104391400</v>
      </c>
      <c r="C113" s="427">
        <v>114244400.00000001</v>
      </c>
      <c r="D113" s="427">
        <v>42619219.25</v>
      </c>
      <c r="E113" s="427">
        <v>42619219.25</v>
      </c>
      <c r="F113" s="427">
        <v>0.74005038044234406</v>
      </c>
      <c r="G113" s="427">
        <v>71625180.750000015</v>
      </c>
      <c r="H113" s="427">
        <v>367278.43</v>
      </c>
      <c r="I113" s="427">
        <v>367278.43</v>
      </c>
      <c r="J113" s="427">
        <v>1.9720722404213395E-2</v>
      </c>
      <c r="K113" s="427">
        <v>113877121.57000001</v>
      </c>
      <c r="L113" s="426">
        <v>0</v>
      </c>
    </row>
    <row r="114" spans="1:13" ht="10.5" x14ac:dyDescent="0.2">
      <c r="A114" s="448"/>
      <c r="B114" s="427"/>
      <c r="C114" s="425"/>
      <c r="D114" s="425"/>
      <c r="E114" s="425"/>
      <c r="F114" s="425"/>
      <c r="G114" s="425"/>
      <c r="H114" s="425"/>
      <c r="I114" s="425"/>
      <c r="J114" s="427"/>
      <c r="K114" s="427"/>
      <c r="L114" s="426"/>
    </row>
    <row r="115" spans="1:13" s="66" customFormat="1" ht="10.5" x14ac:dyDescent="0.2">
      <c r="A115" s="142" t="s">
        <v>692</v>
      </c>
      <c r="B115" s="425">
        <v>98683000</v>
      </c>
      <c r="C115" s="425">
        <v>98831000.000000015</v>
      </c>
      <c r="D115" s="425">
        <v>6418063.7799999993</v>
      </c>
      <c r="E115" s="425">
        <v>6418063.7799999993</v>
      </c>
      <c r="F115" s="425">
        <v>0.1114448041441357</v>
      </c>
      <c r="G115" s="425">
        <v>92412936.220000029</v>
      </c>
      <c r="H115" s="425">
        <v>4747968.790000001</v>
      </c>
      <c r="I115" s="425">
        <v>4747968.790000001</v>
      </c>
      <c r="J115" s="425">
        <v>0.25493839780206801</v>
      </c>
      <c r="K115" s="425">
        <v>94083031.209999993</v>
      </c>
      <c r="L115" s="426">
        <v>0</v>
      </c>
      <c r="M115" s="155"/>
    </row>
    <row r="116" spans="1:13" ht="10.5" x14ac:dyDescent="0.2">
      <c r="A116" s="448" t="s">
        <v>748</v>
      </c>
      <c r="B116" s="427">
        <v>36057800</v>
      </c>
      <c r="C116" s="427">
        <v>36057800.000000015</v>
      </c>
      <c r="D116" s="427">
        <v>5233952.8</v>
      </c>
      <c r="E116" s="427">
        <v>5233952.8</v>
      </c>
      <c r="F116" s="427">
        <v>9.0883616101373604E-2</v>
      </c>
      <c r="G116" s="427">
        <v>30823847.200000014</v>
      </c>
      <c r="H116" s="427">
        <v>4211617.1400000006</v>
      </c>
      <c r="I116" s="427">
        <v>4211617.1400000006</v>
      </c>
      <c r="J116" s="427">
        <v>0.22613942368128495</v>
      </c>
      <c r="K116" s="427">
        <v>31846182.860000014</v>
      </c>
      <c r="L116" s="426">
        <v>0</v>
      </c>
    </row>
    <row r="117" spans="1:13" ht="10.5" x14ac:dyDescent="0.2">
      <c r="A117" s="448" t="s">
        <v>693</v>
      </c>
      <c r="B117" s="427">
        <v>42339400</v>
      </c>
      <c r="C117" s="427">
        <v>42337400</v>
      </c>
      <c r="D117" s="427">
        <v>631218.79999999993</v>
      </c>
      <c r="E117" s="427">
        <v>631218.79999999993</v>
      </c>
      <c r="F117" s="427">
        <v>1.0960635161855053E-2</v>
      </c>
      <c r="G117" s="427">
        <v>41706181.200000003</v>
      </c>
      <c r="H117" s="427">
        <v>220125.49</v>
      </c>
      <c r="I117" s="427">
        <v>220125.49</v>
      </c>
      <c r="J117" s="427">
        <v>1.1819462641411999E-2</v>
      </c>
      <c r="K117" s="427">
        <v>42117274.509999998</v>
      </c>
      <c r="L117" s="426">
        <v>0</v>
      </c>
    </row>
    <row r="118" spans="1:13" ht="10.5" x14ac:dyDescent="0.2">
      <c r="A118" s="448" t="s">
        <v>694</v>
      </c>
      <c r="B118" s="427">
        <v>18840000</v>
      </c>
      <c r="C118" s="427">
        <v>18990000</v>
      </c>
      <c r="D118" s="427">
        <v>455664.68000000005</v>
      </c>
      <c r="E118" s="427">
        <v>455664.68000000005</v>
      </c>
      <c r="F118" s="427">
        <v>7.9122711706676556E-3</v>
      </c>
      <c r="G118" s="427">
        <v>18534335.32</v>
      </c>
      <c r="H118" s="427">
        <v>272435.71000000002</v>
      </c>
      <c r="I118" s="427">
        <v>272435.71000000002</v>
      </c>
      <c r="J118" s="427">
        <v>1.4628218188323185E-2</v>
      </c>
      <c r="K118" s="427">
        <v>18717564.289999999</v>
      </c>
      <c r="L118" s="426">
        <v>0</v>
      </c>
    </row>
    <row r="119" spans="1:13" ht="10.5" x14ac:dyDescent="0.2">
      <c r="A119" s="448" t="s">
        <v>696</v>
      </c>
      <c r="B119" s="427">
        <v>945800</v>
      </c>
      <c r="C119" s="427">
        <v>945800</v>
      </c>
      <c r="D119" s="427">
        <v>97227.5</v>
      </c>
      <c r="E119" s="427">
        <v>97227.5</v>
      </c>
      <c r="F119" s="427">
        <v>1.6882817102394007E-3</v>
      </c>
      <c r="G119" s="427">
        <v>848572.5</v>
      </c>
      <c r="H119" s="427">
        <v>43790.45</v>
      </c>
      <c r="I119" s="427">
        <v>43790.45</v>
      </c>
      <c r="J119" s="427">
        <v>2.3512932910478472E-3</v>
      </c>
      <c r="K119" s="427">
        <v>902009.55</v>
      </c>
      <c r="L119" s="426">
        <v>0</v>
      </c>
    </row>
    <row r="120" spans="1:13" ht="10.5" x14ac:dyDescent="0.2">
      <c r="A120" s="448" t="s">
        <v>697</v>
      </c>
      <c r="B120" s="427">
        <v>500000</v>
      </c>
      <c r="C120" s="427">
        <v>500000</v>
      </c>
      <c r="D120" s="427">
        <v>0</v>
      </c>
      <c r="E120" s="427">
        <v>0</v>
      </c>
      <c r="F120" s="427">
        <v>0</v>
      </c>
      <c r="G120" s="427">
        <v>500000</v>
      </c>
      <c r="H120" s="427">
        <v>0</v>
      </c>
      <c r="I120" s="427">
        <v>0</v>
      </c>
      <c r="J120" s="427">
        <v>0</v>
      </c>
      <c r="K120" s="427">
        <v>500000</v>
      </c>
      <c r="L120" s="426">
        <v>0</v>
      </c>
    </row>
    <row r="121" spans="1:13" ht="10.5" x14ac:dyDescent="0.2">
      <c r="A121" s="448"/>
      <c r="B121" s="427"/>
      <c r="C121" s="425"/>
      <c r="D121" s="425"/>
      <c r="E121" s="425"/>
      <c r="F121" s="425"/>
      <c r="G121" s="425"/>
      <c r="H121" s="425"/>
      <c r="I121" s="425"/>
      <c r="J121" s="425"/>
      <c r="K121" s="425"/>
      <c r="L121" s="426"/>
    </row>
    <row r="122" spans="1:13" s="66" customFormat="1" ht="10.5" x14ac:dyDescent="0.2">
      <c r="A122" s="142" t="s">
        <v>698</v>
      </c>
      <c r="B122" s="425">
        <v>67656700</v>
      </c>
      <c r="C122" s="425">
        <v>67656700.00000003</v>
      </c>
      <c r="D122" s="425">
        <v>590243.09000000008</v>
      </c>
      <c r="E122" s="425">
        <v>590243.09000000008</v>
      </c>
      <c r="F122" s="425">
        <v>1.0249123071581486E-2</v>
      </c>
      <c r="G122" s="425">
        <v>67066456.910000019</v>
      </c>
      <c r="H122" s="425">
        <v>590238.09000000008</v>
      </c>
      <c r="I122" s="425">
        <v>590238.09000000008</v>
      </c>
      <c r="J122" s="425">
        <v>3.1692363543601304E-2</v>
      </c>
      <c r="K122" s="425">
        <v>67066461.910000019</v>
      </c>
      <c r="L122" s="426">
        <v>0</v>
      </c>
      <c r="M122" s="155"/>
    </row>
    <row r="123" spans="1:13" ht="10.5" x14ac:dyDescent="0.2">
      <c r="A123" s="448" t="s">
        <v>699</v>
      </c>
      <c r="B123" s="427">
        <v>56637000</v>
      </c>
      <c r="C123" s="427">
        <v>56637000.000000022</v>
      </c>
      <c r="D123" s="427">
        <v>560243.09000000008</v>
      </c>
      <c r="E123" s="427">
        <v>560243.09000000008</v>
      </c>
      <c r="F123" s="427">
        <v>9.7281958513281402E-3</v>
      </c>
      <c r="G123" s="427">
        <v>56076756.910000019</v>
      </c>
      <c r="H123" s="427">
        <v>560238.09000000008</v>
      </c>
      <c r="I123" s="427">
        <v>560238.09000000008</v>
      </c>
      <c r="J123" s="427">
        <v>3.0081537467791727E-2</v>
      </c>
      <c r="K123" s="427">
        <v>56076761.910000019</v>
      </c>
      <c r="L123" s="426">
        <v>0</v>
      </c>
    </row>
    <row r="124" spans="1:13" ht="10.5" x14ac:dyDescent="0.2">
      <c r="A124" s="448" t="s">
        <v>701</v>
      </c>
      <c r="B124" s="427">
        <v>7344700</v>
      </c>
      <c r="C124" s="427">
        <v>7344700</v>
      </c>
      <c r="D124" s="427">
        <v>0</v>
      </c>
      <c r="E124" s="427">
        <v>0</v>
      </c>
      <c r="F124" s="427">
        <v>0</v>
      </c>
      <c r="G124" s="427">
        <v>7344700</v>
      </c>
      <c r="H124" s="427">
        <v>0</v>
      </c>
      <c r="I124" s="427">
        <v>0</v>
      </c>
      <c r="J124" s="427">
        <v>0</v>
      </c>
      <c r="K124" s="427">
        <v>7344700</v>
      </c>
      <c r="L124" s="426">
        <v>0</v>
      </c>
    </row>
    <row r="125" spans="1:13" s="264" customFormat="1" ht="10.5" x14ac:dyDescent="0.2">
      <c r="A125" s="448" t="s">
        <v>680</v>
      </c>
      <c r="B125" s="427">
        <v>3500000</v>
      </c>
      <c r="C125" s="427">
        <v>3500000</v>
      </c>
      <c r="D125" s="427">
        <v>30000</v>
      </c>
      <c r="E125" s="427">
        <v>30000</v>
      </c>
      <c r="F125" s="427">
        <v>5.2092722025334423E-4</v>
      </c>
      <c r="G125" s="427">
        <v>3470000</v>
      </c>
      <c r="H125" s="427">
        <v>30000</v>
      </c>
      <c r="I125" s="427">
        <v>30000</v>
      </c>
      <c r="J125" s="427">
        <v>1.6108260758095755E-3</v>
      </c>
      <c r="K125" s="427">
        <v>3470000</v>
      </c>
      <c r="L125" s="426">
        <v>0</v>
      </c>
      <c r="M125" s="217"/>
    </row>
    <row r="126" spans="1:13" s="264" customFormat="1" ht="10.5" x14ac:dyDescent="0.2">
      <c r="A126" s="448" t="s">
        <v>650</v>
      </c>
      <c r="B126" s="427">
        <v>175000</v>
      </c>
      <c r="C126" s="427">
        <v>175000</v>
      </c>
      <c r="D126" s="427">
        <v>0</v>
      </c>
      <c r="E126" s="427">
        <v>0</v>
      </c>
      <c r="F126" s="427">
        <v>0</v>
      </c>
      <c r="G126" s="427">
        <v>175000</v>
      </c>
      <c r="H126" s="427">
        <v>0</v>
      </c>
      <c r="I126" s="427">
        <v>0</v>
      </c>
      <c r="J126" s="427">
        <v>0</v>
      </c>
      <c r="K126" s="427">
        <v>175000</v>
      </c>
      <c r="L126" s="426">
        <v>0</v>
      </c>
      <c r="M126" s="217"/>
    </row>
    <row r="127" spans="1:13" ht="10.5" x14ac:dyDescent="0.2">
      <c r="A127" s="448"/>
      <c r="B127" s="427"/>
      <c r="C127" s="425"/>
      <c r="D127" s="425"/>
      <c r="E127" s="425"/>
      <c r="F127" s="425"/>
      <c r="G127" s="427"/>
      <c r="H127" s="425"/>
      <c r="I127" s="425"/>
      <c r="J127" s="427"/>
      <c r="K127" s="427"/>
      <c r="L127" s="426"/>
    </row>
    <row r="128" spans="1:13" s="66" customFormat="1" ht="10.5" x14ac:dyDescent="0.2">
      <c r="A128" s="142" t="s">
        <v>702</v>
      </c>
      <c r="B128" s="425">
        <v>204260800</v>
      </c>
      <c r="C128" s="425">
        <v>204469760.83999997</v>
      </c>
      <c r="D128" s="425">
        <v>45189999.980000004</v>
      </c>
      <c r="E128" s="425">
        <v>45189999.980000004</v>
      </c>
      <c r="F128" s="425">
        <v>0.78469003576100294</v>
      </c>
      <c r="G128" s="425">
        <v>159279760.85999998</v>
      </c>
      <c r="H128" s="425">
        <v>17925102.509999998</v>
      </c>
      <c r="I128" s="425">
        <v>17925102.509999998</v>
      </c>
      <c r="J128" s="425">
        <v>0.96247408448892224</v>
      </c>
      <c r="K128" s="425">
        <v>186544658.32999998</v>
      </c>
      <c r="L128" s="426">
        <v>0</v>
      </c>
      <c r="M128" s="155"/>
    </row>
    <row r="129" spans="1:13" ht="10.5" x14ac:dyDescent="0.2">
      <c r="A129" s="448" t="s">
        <v>647</v>
      </c>
      <c r="B129" s="427">
        <v>91093300</v>
      </c>
      <c r="C129" s="427">
        <v>91095300.839999989</v>
      </c>
      <c r="D129" s="427">
        <v>38412398.100000001</v>
      </c>
      <c r="E129" s="427">
        <v>38412398.100000001</v>
      </c>
      <c r="F129" s="427">
        <v>0.66700212551659477</v>
      </c>
      <c r="G129" s="427">
        <v>52682902.739999987</v>
      </c>
      <c r="H129" s="427">
        <v>15589178.169999996</v>
      </c>
      <c r="I129" s="427">
        <v>15589178.169999996</v>
      </c>
      <c r="J129" s="427">
        <v>0.83704848988924652</v>
      </c>
      <c r="K129" s="427">
        <v>75506122.669999987</v>
      </c>
      <c r="L129" s="426">
        <v>0</v>
      </c>
    </row>
    <row r="130" spans="1:13" ht="10.5" x14ac:dyDescent="0.2">
      <c r="A130" s="448" t="s">
        <v>650</v>
      </c>
      <c r="B130" s="427">
        <v>0</v>
      </c>
      <c r="C130" s="427">
        <v>0</v>
      </c>
      <c r="D130" s="427">
        <v>0</v>
      </c>
      <c r="E130" s="427">
        <v>0</v>
      </c>
      <c r="F130" s="427">
        <v>0</v>
      </c>
      <c r="G130" s="427">
        <v>0</v>
      </c>
      <c r="H130" s="427">
        <v>0</v>
      </c>
      <c r="I130" s="427">
        <v>0</v>
      </c>
      <c r="J130" s="427">
        <v>0</v>
      </c>
      <c r="K130" s="427">
        <v>0</v>
      </c>
      <c r="L130" s="426">
        <v>0</v>
      </c>
    </row>
    <row r="131" spans="1:13" ht="10.5" x14ac:dyDescent="0.2">
      <c r="A131" s="448" t="s">
        <v>694</v>
      </c>
      <c r="B131" s="427">
        <v>1699800</v>
      </c>
      <c r="C131" s="427">
        <v>1699800</v>
      </c>
      <c r="D131" s="427">
        <v>0</v>
      </c>
      <c r="E131" s="427">
        <v>0</v>
      </c>
      <c r="F131" s="427">
        <v>0</v>
      </c>
      <c r="G131" s="427">
        <v>1699800</v>
      </c>
      <c r="H131" s="427">
        <v>0</v>
      </c>
      <c r="I131" s="427">
        <v>0</v>
      </c>
      <c r="J131" s="427">
        <v>0</v>
      </c>
      <c r="K131" s="427">
        <v>1699800</v>
      </c>
      <c r="L131" s="426">
        <v>0</v>
      </c>
    </row>
    <row r="132" spans="1:13" ht="10.5" x14ac:dyDescent="0.2">
      <c r="A132" s="448" t="s">
        <v>695</v>
      </c>
      <c r="B132" s="427">
        <v>0</v>
      </c>
      <c r="C132" s="427">
        <v>0</v>
      </c>
      <c r="D132" s="427">
        <v>0</v>
      </c>
      <c r="E132" s="427">
        <v>0</v>
      </c>
      <c r="F132" s="427">
        <v>0</v>
      </c>
      <c r="G132" s="427">
        <v>0</v>
      </c>
      <c r="H132" s="427">
        <v>0</v>
      </c>
      <c r="I132" s="427">
        <v>0</v>
      </c>
      <c r="J132" s="427">
        <v>0</v>
      </c>
      <c r="K132" s="427">
        <v>0</v>
      </c>
      <c r="L132" s="426">
        <v>0</v>
      </c>
    </row>
    <row r="133" spans="1:13" ht="10.5" x14ac:dyDescent="0.2">
      <c r="A133" s="448" t="s">
        <v>700</v>
      </c>
      <c r="B133" s="427">
        <v>0</v>
      </c>
      <c r="C133" s="427">
        <v>0</v>
      </c>
      <c r="D133" s="427">
        <v>0</v>
      </c>
      <c r="E133" s="427">
        <v>0</v>
      </c>
      <c r="F133" s="427">
        <v>0</v>
      </c>
      <c r="G133" s="427">
        <v>0</v>
      </c>
      <c r="H133" s="427">
        <v>0</v>
      </c>
      <c r="I133" s="427">
        <v>0</v>
      </c>
      <c r="J133" s="427">
        <v>0</v>
      </c>
      <c r="K133" s="427">
        <v>0</v>
      </c>
      <c r="L133" s="426">
        <v>0</v>
      </c>
    </row>
    <row r="134" spans="1:13" ht="10.5" x14ac:dyDescent="0.2">
      <c r="A134" s="448" t="s">
        <v>701</v>
      </c>
      <c r="B134" s="427">
        <v>4970000</v>
      </c>
      <c r="C134" s="427">
        <v>4970000</v>
      </c>
      <c r="D134" s="427">
        <v>379213.88</v>
      </c>
      <c r="E134" s="427">
        <v>379213.88</v>
      </c>
      <c r="F134" s="427">
        <v>6.5847610796628429E-3</v>
      </c>
      <c r="G134" s="427">
        <v>4590786.12</v>
      </c>
      <c r="H134" s="427">
        <v>1295.1599999999999</v>
      </c>
      <c r="I134" s="427">
        <v>1295.1599999999999</v>
      </c>
      <c r="J134" s="427">
        <v>6.9542583344850986E-5</v>
      </c>
      <c r="K134" s="427">
        <v>4968704.84</v>
      </c>
      <c r="L134" s="426">
        <v>0</v>
      </c>
    </row>
    <row r="135" spans="1:13" ht="10.5" x14ac:dyDescent="0.2">
      <c r="A135" s="448" t="s">
        <v>703</v>
      </c>
      <c r="B135" s="427">
        <v>58594500</v>
      </c>
      <c r="C135" s="427">
        <v>58626500</v>
      </c>
      <c r="D135" s="427">
        <v>646388.4</v>
      </c>
      <c r="E135" s="427">
        <v>646388.4</v>
      </c>
      <c r="F135" s="427">
        <v>1.1224043747200227E-2</v>
      </c>
      <c r="G135" s="427">
        <v>57980111.600000001</v>
      </c>
      <c r="H135" s="427">
        <v>376578.98000000004</v>
      </c>
      <c r="I135" s="427">
        <v>376578.98000000004</v>
      </c>
      <c r="J135" s="427">
        <v>2.0220108019525757E-2</v>
      </c>
      <c r="K135" s="427">
        <v>58249921.020000003</v>
      </c>
      <c r="L135" s="426">
        <v>0</v>
      </c>
    </row>
    <row r="136" spans="1:13" ht="10.5" x14ac:dyDescent="0.2">
      <c r="A136" s="448" t="s">
        <v>704</v>
      </c>
      <c r="B136" s="427">
        <v>0</v>
      </c>
      <c r="C136" s="427">
        <v>0</v>
      </c>
      <c r="D136" s="427">
        <v>0</v>
      </c>
      <c r="E136" s="427">
        <v>0</v>
      </c>
      <c r="F136" s="427">
        <v>0</v>
      </c>
      <c r="G136" s="427">
        <v>0</v>
      </c>
      <c r="H136" s="427">
        <v>0</v>
      </c>
      <c r="I136" s="427">
        <v>0</v>
      </c>
      <c r="J136" s="427">
        <v>0</v>
      </c>
      <c r="K136" s="427">
        <v>0</v>
      </c>
      <c r="L136" s="426">
        <v>0</v>
      </c>
    </row>
    <row r="137" spans="1:13" ht="10.5" x14ac:dyDescent="0.2">
      <c r="A137" s="448" t="s">
        <v>749</v>
      </c>
      <c r="B137" s="427">
        <v>4435000</v>
      </c>
      <c r="C137" s="427">
        <v>4435000</v>
      </c>
      <c r="D137" s="427">
        <v>474555</v>
      </c>
      <c r="E137" s="427">
        <v>474555</v>
      </c>
      <c r="F137" s="427">
        <v>8.240287233577526E-3</v>
      </c>
      <c r="G137" s="427">
        <v>3960445</v>
      </c>
      <c r="H137" s="427">
        <v>274555</v>
      </c>
      <c r="I137" s="427">
        <v>274555</v>
      </c>
      <c r="J137" s="427">
        <v>1.4742011774796599E-2</v>
      </c>
      <c r="K137" s="427">
        <v>4160445</v>
      </c>
      <c r="L137" s="426">
        <v>0</v>
      </c>
    </row>
    <row r="138" spans="1:13" ht="10.5" x14ac:dyDescent="0.2">
      <c r="A138" s="22" t="s">
        <v>750</v>
      </c>
      <c r="B138" s="427">
        <v>36593200</v>
      </c>
      <c r="C138" s="427">
        <v>36593200</v>
      </c>
      <c r="D138" s="427">
        <v>5277444.5999999987</v>
      </c>
      <c r="E138" s="427">
        <v>5277444.5999999987</v>
      </c>
      <c r="F138" s="427">
        <v>9.1638818183967394E-2</v>
      </c>
      <c r="G138" s="427">
        <v>31315755.400000002</v>
      </c>
      <c r="H138" s="427">
        <v>1683495.2000000004</v>
      </c>
      <c r="I138" s="427">
        <v>1683495.2000000004</v>
      </c>
      <c r="J138" s="427">
        <v>9.0393932222008561E-2</v>
      </c>
      <c r="K138" s="427">
        <v>34909704.799999997</v>
      </c>
      <c r="L138" s="426">
        <v>0</v>
      </c>
    </row>
    <row r="139" spans="1:13" s="264" customFormat="1" ht="10.5" x14ac:dyDescent="0.2">
      <c r="A139" s="448" t="s">
        <v>873</v>
      </c>
      <c r="B139" s="427">
        <v>1201200</v>
      </c>
      <c r="C139" s="427">
        <v>1169200</v>
      </c>
      <c r="D139" s="427">
        <v>0</v>
      </c>
      <c r="E139" s="427">
        <v>0</v>
      </c>
      <c r="F139" s="427">
        <v>0</v>
      </c>
      <c r="G139" s="427">
        <v>1169200</v>
      </c>
      <c r="H139" s="427">
        <v>0</v>
      </c>
      <c r="I139" s="427">
        <v>0</v>
      </c>
      <c r="J139" s="427">
        <v>0</v>
      </c>
      <c r="K139" s="427">
        <v>1169200</v>
      </c>
      <c r="L139" s="426">
        <v>0</v>
      </c>
      <c r="M139" s="217"/>
    </row>
    <row r="140" spans="1:13" s="264" customFormat="1" ht="10.5" x14ac:dyDescent="0.2">
      <c r="A140" s="448" t="s">
        <v>874</v>
      </c>
      <c r="B140" s="427">
        <v>2373800</v>
      </c>
      <c r="C140" s="427">
        <v>2580760</v>
      </c>
      <c r="D140" s="427">
        <v>0</v>
      </c>
      <c r="E140" s="427">
        <v>0</v>
      </c>
      <c r="F140" s="427">
        <v>0</v>
      </c>
      <c r="G140" s="427">
        <v>2580760</v>
      </c>
      <c r="H140" s="427">
        <v>0</v>
      </c>
      <c r="I140" s="427">
        <v>0</v>
      </c>
      <c r="J140" s="427">
        <v>0</v>
      </c>
      <c r="K140" s="427">
        <v>2580760</v>
      </c>
      <c r="L140" s="426">
        <v>0</v>
      </c>
      <c r="M140" s="217"/>
    </row>
    <row r="141" spans="1:13" s="264" customFormat="1" ht="10.5" x14ac:dyDescent="0.2">
      <c r="A141" s="22" t="s">
        <v>875</v>
      </c>
      <c r="B141" s="427">
        <v>3300000</v>
      </c>
      <c r="C141" s="427">
        <v>3300000</v>
      </c>
      <c r="D141" s="427">
        <v>0</v>
      </c>
      <c r="E141" s="427">
        <v>0</v>
      </c>
      <c r="F141" s="427">
        <v>0</v>
      </c>
      <c r="G141" s="427">
        <v>3300000</v>
      </c>
      <c r="H141" s="427">
        <v>0</v>
      </c>
      <c r="I141" s="427">
        <v>0</v>
      </c>
      <c r="J141" s="427">
        <v>0</v>
      </c>
      <c r="K141" s="427">
        <v>3300000</v>
      </c>
      <c r="L141" s="426">
        <v>0</v>
      </c>
      <c r="M141" s="217"/>
    </row>
    <row r="142" spans="1:13" ht="10.5" x14ac:dyDescent="0.2">
      <c r="A142" s="448"/>
      <c r="B142" s="427"/>
      <c r="C142" s="427"/>
      <c r="D142" s="427"/>
      <c r="E142" s="427"/>
      <c r="F142" s="427"/>
      <c r="G142" s="427"/>
      <c r="H142" s="427"/>
      <c r="I142" s="427"/>
      <c r="J142" s="425"/>
      <c r="K142" s="425"/>
      <c r="L142" s="426"/>
    </row>
    <row r="143" spans="1:13" s="66" customFormat="1" ht="10.5" x14ac:dyDescent="0.2">
      <c r="A143" s="142" t="s">
        <v>705</v>
      </c>
      <c r="B143" s="425">
        <v>4487700</v>
      </c>
      <c r="C143" s="425">
        <v>4487700</v>
      </c>
      <c r="D143" s="425">
        <v>573514.40999999992</v>
      </c>
      <c r="E143" s="425">
        <v>573514.40999999992</v>
      </c>
      <c r="F143" s="425">
        <v>9.9586422458845577E-3</v>
      </c>
      <c r="G143" s="425">
        <v>3914185.59</v>
      </c>
      <c r="H143" s="425">
        <v>276970.77</v>
      </c>
      <c r="I143" s="425">
        <v>276970.77</v>
      </c>
      <c r="J143" s="425">
        <v>1.4871724618435217E-2</v>
      </c>
      <c r="K143" s="425">
        <v>4210729.2300000004</v>
      </c>
      <c r="L143" s="426">
        <v>0</v>
      </c>
      <c r="M143" s="155"/>
    </row>
    <row r="144" spans="1:13" ht="10.5" x14ac:dyDescent="0.2">
      <c r="A144" s="448" t="s">
        <v>706</v>
      </c>
      <c r="B144" s="427">
        <v>4487700</v>
      </c>
      <c r="C144" s="427">
        <v>4487700</v>
      </c>
      <c r="D144" s="427">
        <v>573514.40999999992</v>
      </c>
      <c r="E144" s="427">
        <v>573514.40999999992</v>
      </c>
      <c r="F144" s="427">
        <v>9.9586422458845577E-3</v>
      </c>
      <c r="G144" s="427">
        <v>3914185.59</v>
      </c>
      <c r="H144" s="427">
        <v>276970.77</v>
      </c>
      <c r="I144" s="427">
        <v>276970.77</v>
      </c>
      <c r="J144" s="427">
        <v>1.4871724618435217E-2</v>
      </c>
      <c r="K144" s="427">
        <v>4210729.2300000004</v>
      </c>
      <c r="L144" s="426">
        <v>0</v>
      </c>
    </row>
    <row r="145" spans="1:13" ht="10.5" x14ac:dyDescent="0.2">
      <c r="A145" s="448"/>
      <c r="B145" s="427"/>
      <c r="C145" s="425"/>
      <c r="D145" s="425"/>
      <c r="E145" s="425"/>
      <c r="F145" s="425"/>
      <c r="G145" s="425"/>
      <c r="H145" s="425"/>
      <c r="I145" s="425"/>
      <c r="J145" s="425"/>
      <c r="K145" s="425"/>
      <c r="L145" s="426"/>
    </row>
    <row r="146" spans="1:13" s="66" customFormat="1" ht="10.5" x14ac:dyDescent="0.2">
      <c r="A146" s="142" t="s">
        <v>707</v>
      </c>
      <c r="B146" s="425">
        <v>19423800</v>
      </c>
      <c r="C146" s="425">
        <v>19423800</v>
      </c>
      <c r="D146" s="425">
        <v>0</v>
      </c>
      <c r="E146" s="425">
        <v>0</v>
      </c>
      <c r="F146" s="425">
        <v>0</v>
      </c>
      <c r="G146" s="425">
        <v>19423800</v>
      </c>
      <c r="H146" s="425">
        <v>0</v>
      </c>
      <c r="I146" s="425">
        <v>0</v>
      </c>
      <c r="J146" s="425">
        <v>0</v>
      </c>
      <c r="K146" s="425">
        <v>19423800</v>
      </c>
      <c r="L146" s="426">
        <v>0</v>
      </c>
      <c r="M146" s="155"/>
    </row>
    <row r="147" spans="1:13" ht="10.5" x14ac:dyDescent="0.2">
      <c r="A147" s="448" t="s">
        <v>708</v>
      </c>
      <c r="B147" s="427">
        <v>19423800</v>
      </c>
      <c r="C147" s="427">
        <v>19423800</v>
      </c>
      <c r="D147" s="427">
        <v>0</v>
      </c>
      <c r="E147" s="427">
        <v>0</v>
      </c>
      <c r="F147" s="427">
        <v>0</v>
      </c>
      <c r="G147" s="427">
        <v>19423800</v>
      </c>
      <c r="H147" s="427">
        <v>0</v>
      </c>
      <c r="I147" s="427">
        <v>0</v>
      </c>
      <c r="J147" s="427">
        <v>0</v>
      </c>
      <c r="K147" s="427">
        <v>19423800</v>
      </c>
      <c r="L147" s="428">
        <v>0</v>
      </c>
    </row>
    <row r="148" spans="1:13" ht="10.5" x14ac:dyDescent="0.2">
      <c r="A148" s="448"/>
      <c r="B148" s="427"/>
      <c r="C148" s="425"/>
      <c r="D148" s="425"/>
      <c r="E148" s="425"/>
      <c r="F148" s="425"/>
      <c r="G148" s="425"/>
      <c r="H148" s="425"/>
      <c r="I148" s="425"/>
      <c r="J148" s="427"/>
      <c r="K148" s="427"/>
      <c r="L148" s="426"/>
    </row>
    <row r="149" spans="1:13" s="66" customFormat="1" ht="10.5" x14ac:dyDescent="0.2">
      <c r="A149" s="142" t="s">
        <v>710</v>
      </c>
      <c r="B149" s="425">
        <v>49228700</v>
      </c>
      <c r="C149" s="425">
        <v>49429507.859999999</v>
      </c>
      <c r="D149" s="425">
        <v>10092561.460000005</v>
      </c>
      <c r="E149" s="425">
        <v>10092561.460000005</v>
      </c>
      <c r="F149" s="425">
        <v>0.17524966621979454</v>
      </c>
      <c r="G149" s="425">
        <v>39336946.399999991</v>
      </c>
      <c r="H149" s="425">
        <v>3088720.8500000015</v>
      </c>
      <c r="I149" s="425">
        <v>3088720.8500000015</v>
      </c>
      <c r="J149" s="425">
        <v>0.16584640286922397</v>
      </c>
      <c r="K149" s="425">
        <v>46340787.009999998</v>
      </c>
      <c r="L149" s="426">
        <v>0</v>
      </c>
      <c r="M149" s="155"/>
    </row>
    <row r="150" spans="1:13" ht="10.5" x14ac:dyDescent="0.2">
      <c r="A150" s="448" t="s">
        <v>845</v>
      </c>
      <c r="B150" s="427">
        <v>0</v>
      </c>
      <c r="C150" s="427">
        <v>0</v>
      </c>
      <c r="D150" s="427">
        <v>0</v>
      </c>
      <c r="E150" s="427">
        <v>0</v>
      </c>
      <c r="F150" s="427">
        <v>0</v>
      </c>
      <c r="G150" s="427">
        <v>0</v>
      </c>
      <c r="H150" s="427">
        <v>0</v>
      </c>
      <c r="I150" s="427">
        <v>0</v>
      </c>
      <c r="J150" s="427">
        <v>0</v>
      </c>
      <c r="K150" s="427">
        <v>0</v>
      </c>
      <c r="L150" s="426">
        <v>0</v>
      </c>
    </row>
    <row r="151" spans="1:13" ht="10.5" x14ac:dyDescent="0.2">
      <c r="A151" s="217" t="s">
        <v>751</v>
      </c>
      <c r="B151" s="427">
        <v>16104000</v>
      </c>
      <c r="C151" s="427">
        <v>16104000</v>
      </c>
      <c r="D151" s="427">
        <v>2352197.44</v>
      </c>
      <c r="E151" s="427">
        <v>2352197.44</v>
      </c>
      <c r="F151" s="427">
        <v>4.0844122463541084E-2</v>
      </c>
      <c r="G151" s="427">
        <v>13751802.560000001</v>
      </c>
      <c r="H151" s="427">
        <v>1287821.1000000001</v>
      </c>
      <c r="I151" s="427">
        <v>1287821.1000000001</v>
      </c>
      <c r="J151" s="427">
        <v>6.9148526961925694E-2</v>
      </c>
      <c r="K151" s="427">
        <v>14816178.9</v>
      </c>
      <c r="L151" s="426">
        <v>0</v>
      </c>
    </row>
    <row r="152" spans="1:13" ht="10.5" x14ac:dyDescent="0.2">
      <c r="A152" s="448" t="s">
        <v>711</v>
      </c>
      <c r="B152" s="427">
        <v>20999500</v>
      </c>
      <c r="C152" s="427">
        <v>21200307.859999999</v>
      </c>
      <c r="D152" s="427">
        <v>6954457.1100000041</v>
      </c>
      <c r="E152" s="427">
        <v>6954457.1100000041</v>
      </c>
      <c r="F152" s="427">
        <v>0.12075886702278026</v>
      </c>
      <c r="G152" s="427">
        <v>14245850.749999996</v>
      </c>
      <c r="H152" s="427">
        <v>1424438.9200000011</v>
      </c>
      <c r="I152" s="427">
        <v>1424438.9200000011</v>
      </c>
      <c r="J152" s="427">
        <v>7.6484111857801046E-2</v>
      </c>
      <c r="K152" s="427">
        <v>19775868.939999998</v>
      </c>
      <c r="L152" s="426">
        <v>0</v>
      </c>
    </row>
    <row r="153" spans="1:13" ht="10.5" x14ac:dyDescent="0.2">
      <c r="A153" s="448" t="s">
        <v>712</v>
      </c>
      <c r="B153" s="427">
        <v>11775200</v>
      </c>
      <c r="C153" s="427">
        <v>11775200</v>
      </c>
      <c r="D153" s="427">
        <v>785906.91</v>
      </c>
      <c r="E153" s="427">
        <v>785906.91</v>
      </c>
      <c r="F153" s="427">
        <v>1.3646676733473175E-2</v>
      </c>
      <c r="G153" s="427">
        <v>10989293.09</v>
      </c>
      <c r="H153" s="427">
        <v>376460.82999999996</v>
      </c>
      <c r="I153" s="427">
        <v>376460.82999999996</v>
      </c>
      <c r="J153" s="427">
        <v>2.021376404949719E-2</v>
      </c>
      <c r="K153" s="427">
        <v>11398739.17</v>
      </c>
      <c r="L153" s="426">
        <v>0</v>
      </c>
    </row>
    <row r="154" spans="1:13" s="264" customFormat="1" ht="10.5" x14ac:dyDescent="0.2">
      <c r="A154" s="448" t="s">
        <v>708</v>
      </c>
      <c r="B154" s="427">
        <v>350000</v>
      </c>
      <c r="C154" s="427">
        <v>350000</v>
      </c>
      <c r="D154" s="427">
        <v>0</v>
      </c>
      <c r="E154" s="427">
        <v>0</v>
      </c>
      <c r="F154" s="427">
        <v>0</v>
      </c>
      <c r="G154" s="427">
        <v>350000</v>
      </c>
      <c r="H154" s="427">
        <v>0</v>
      </c>
      <c r="I154" s="427">
        <v>0</v>
      </c>
      <c r="J154" s="427">
        <v>0</v>
      </c>
      <c r="K154" s="427">
        <v>350000</v>
      </c>
      <c r="L154" s="426">
        <v>0</v>
      </c>
      <c r="M154" s="217"/>
    </row>
    <row r="155" spans="1:13" ht="10.5" x14ac:dyDescent="0.2">
      <c r="A155" s="448"/>
      <c r="B155" s="427"/>
      <c r="C155" s="427"/>
      <c r="D155" s="427"/>
      <c r="E155" s="427"/>
      <c r="F155" s="427"/>
      <c r="G155" s="427"/>
      <c r="H155" s="427"/>
      <c r="I155" s="427"/>
      <c r="J155" s="427"/>
      <c r="K155" s="427"/>
      <c r="L155" s="426"/>
    </row>
    <row r="156" spans="1:13" s="66" customFormat="1" ht="10.5" x14ac:dyDescent="0.2">
      <c r="A156" s="142" t="s">
        <v>713</v>
      </c>
      <c r="B156" s="425">
        <v>3453100</v>
      </c>
      <c r="C156" s="425">
        <v>3453100</v>
      </c>
      <c r="D156" s="425">
        <v>0</v>
      </c>
      <c r="E156" s="425">
        <v>0</v>
      </c>
      <c r="F156" s="425">
        <v>0</v>
      </c>
      <c r="G156" s="425">
        <v>3453100</v>
      </c>
      <c r="H156" s="425">
        <v>0</v>
      </c>
      <c r="I156" s="425">
        <v>0</v>
      </c>
      <c r="J156" s="425">
        <v>0</v>
      </c>
      <c r="K156" s="425">
        <v>3453100</v>
      </c>
      <c r="L156" s="426">
        <v>0</v>
      </c>
      <c r="M156" s="155"/>
    </row>
    <row r="157" spans="1:13" s="264" customFormat="1" ht="10.5" x14ac:dyDescent="0.2">
      <c r="A157" s="448" t="s">
        <v>653</v>
      </c>
      <c r="B157" s="427">
        <v>0</v>
      </c>
      <c r="C157" s="427">
        <v>0</v>
      </c>
      <c r="D157" s="427">
        <v>0</v>
      </c>
      <c r="E157" s="427">
        <v>0</v>
      </c>
      <c r="F157" s="427">
        <v>0</v>
      </c>
      <c r="G157" s="427">
        <v>0</v>
      </c>
      <c r="H157" s="427">
        <v>0</v>
      </c>
      <c r="I157" s="427">
        <v>0</v>
      </c>
      <c r="J157" s="427">
        <v>0</v>
      </c>
      <c r="K157" s="427">
        <v>0</v>
      </c>
      <c r="L157" s="428">
        <v>0</v>
      </c>
      <c r="M157" s="217"/>
    </row>
    <row r="158" spans="1:13" s="264" customFormat="1" ht="10.5" x14ac:dyDescent="0.2">
      <c r="A158" s="448" t="s">
        <v>751</v>
      </c>
      <c r="B158" s="427">
        <v>3453100</v>
      </c>
      <c r="C158" s="427">
        <v>3453100</v>
      </c>
      <c r="D158" s="427">
        <v>0</v>
      </c>
      <c r="E158" s="427">
        <v>0</v>
      </c>
      <c r="F158" s="427">
        <v>0</v>
      </c>
      <c r="G158" s="427">
        <v>3453100</v>
      </c>
      <c r="H158" s="427">
        <v>0</v>
      </c>
      <c r="I158" s="427">
        <v>0</v>
      </c>
      <c r="J158" s="427">
        <v>0</v>
      </c>
      <c r="K158" s="427">
        <v>3453100</v>
      </c>
      <c r="L158" s="428">
        <v>0</v>
      </c>
      <c r="M158" s="217"/>
    </row>
    <row r="159" spans="1:13" s="264" customFormat="1" ht="10.5" x14ac:dyDescent="0.2">
      <c r="A159" s="448"/>
      <c r="B159" s="427"/>
      <c r="C159" s="427"/>
      <c r="D159" s="427"/>
      <c r="E159" s="427"/>
      <c r="F159" s="427"/>
      <c r="G159" s="427"/>
      <c r="H159" s="427"/>
      <c r="I159" s="427"/>
      <c r="J159" s="427"/>
      <c r="K159" s="427"/>
      <c r="L159" s="428"/>
      <c r="M159" s="217"/>
    </row>
    <row r="160" spans="1:13" s="66" customFormat="1" ht="10.5" x14ac:dyDescent="0.2">
      <c r="A160" s="142" t="s">
        <v>714</v>
      </c>
      <c r="B160" s="425">
        <v>12255900</v>
      </c>
      <c r="C160" s="425">
        <v>12255900</v>
      </c>
      <c r="D160" s="425">
        <v>0</v>
      </c>
      <c r="E160" s="425">
        <v>0</v>
      </c>
      <c r="F160" s="425">
        <v>0</v>
      </c>
      <c r="G160" s="425">
        <v>12255900</v>
      </c>
      <c r="H160" s="425">
        <v>0</v>
      </c>
      <c r="I160" s="425">
        <v>0</v>
      </c>
      <c r="J160" s="425">
        <v>0</v>
      </c>
      <c r="K160" s="425">
        <v>12255900</v>
      </c>
      <c r="L160" s="426">
        <v>0</v>
      </c>
      <c r="M160" s="155"/>
    </row>
    <row r="161" spans="1:13" ht="10.5" x14ac:dyDescent="0.2">
      <c r="A161" s="448" t="s">
        <v>700</v>
      </c>
      <c r="B161" s="427">
        <v>0</v>
      </c>
      <c r="C161" s="427">
        <v>0</v>
      </c>
      <c r="D161" s="427">
        <v>0</v>
      </c>
      <c r="E161" s="427">
        <v>0</v>
      </c>
      <c r="F161" s="427">
        <v>0</v>
      </c>
      <c r="G161" s="427">
        <v>0</v>
      </c>
      <c r="H161" s="427">
        <v>0</v>
      </c>
      <c r="I161" s="427">
        <v>0</v>
      </c>
      <c r="J161" s="427">
        <v>0</v>
      </c>
      <c r="K161" s="427">
        <v>0</v>
      </c>
      <c r="L161" s="426">
        <v>0</v>
      </c>
    </row>
    <row r="162" spans="1:13" s="264" customFormat="1" ht="10.5" x14ac:dyDescent="0.2">
      <c r="A162" s="448" t="s">
        <v>877</v>
      </c>
      <c r="B162" s="427">
        <v>7979000</v>
      </c>
      <c r="C162" s="427">
        <v>7979000</v>
      </c>
      <c r="D162" s="427">
        <v>0</v>
      </c>
      <c r="E162" s="427">
        <v>0</v>
      </c>
      <c r="F162" s="427">
        <v>0</v>
      </c>
      <c r="G162" s="427">
        <v>7979000</v>
      </c>
      <c r="H162" s="427">
        <v>0</v>
      </c>
      <c r="I162" s="427">
        <v>0</v>
      </c>
      <c r="J162" s="427">
        <v>0</v>
      </c>
      <c r="K162" s="427">
        <v>7979000</v>
      </c>
      <c r="L162" s="426">
        <v>0</v>
      </c>
      <c r="M162" s="217"/>
    </row>
    <row r="163" spans="1:13" ht="10.5" x14ac:dyDescent="0.2">
      <c r="A163" s="448" t="s">
        <v>715</v>
      </c>
      <c r="B163" s="427">
        <v>4276900</v>
      </c>
      <c r="C163" s="427">
        <v>4276900</v>
      </c>
      <c r="D163" s="427">
        <v>0</v>
      </c>
      <c r="E163" s="427">
        <v>0</v>
      </c>
      <c r="F163" s="427">
        <v>0</v>
      </c>
      <c r="G163" s="427">
        <v>4276900</v>
      </c>
      <c r="H163" s="427">
        <v>0</v>
      </c>
      <c r="I163" s="427">
        <v>0</v>
      </c>
      <c r="J163" s="427">
        <v>0</v>
      </c>
      <c r="K163" s="427">
        <v>4276900</v>
      </c>
      <c r="L163" s="426">
        <v>0</v>
      </c>
    </row>
    <row r="164" spans="1:13" ht="10.5" x14ac:dyDescent="0.2">
      <c r="A164" s="448"/>
      <c r="B164" s="427"/>
      <c r="C164" s="427"/>
      <c r="D164" s="427"/>
      <c r="E164" s="427"/>
      <c r="F164" s="427"/>
      <c r="G164" s="427"/>
      <c r="H164" s="427"/>
      <c r="I164" s="427"/>
      <c r="J164" s="425"/>
      <c r="K164" s="425"/>
      <c r="L164" s="426"/>
    </row>
    <row r="165" spans="1:13" s="66" customFormat="1" ht="10.5" x14ac:dyDescent="0.2">
      <c r="A165" s="142" t="s">
        <v>716</v>
      </c>
      <c r="B165" s="425">
        <v>657547300</v>
      </c>
      <c r="C165" s="425">
        <v>649583700</v>
      </c>
      <c r="D165" s="425">
        <v>380580794.15000004</v>
      </c>
      <c r="E165" s="425">
        <v>380580794.15000004</v>
      </c>
      <c r="F165" s="425">
        <v>6.6084965059456584</v>
      </c>
      <c r="G165" s="425">
        <v>269002905.84999996</v>
      </c>
      <c r="H165" s="425">
        <v>61575935.700000003</v>
      </c>
      <c r="I165" s="425">
        <v>61575935.700000003</v>
      </c>
      <c r="J165" s="425">
        <v>3.3062707622644587</v>
      </c>
      <c r="K165" s="425">
        <v>588007764.29999995</v>
      </c>
      <c r="L165" s="426">
        <v>0</v>
      </c>
      <c r="M165" s="155"/>
    </row>
    <row r="166" spans="1:13" ht="10.5" x14ac:dyDescent="0.2">
      <c r="A166" s="22" t="s">
        <v>647</v>
      </c>
      <c r="B166" s="427">
        <v>66737000</v>
      </c>
      <c r="C166" s="427">
        <v>66877157</v>
      </c>
      <c r="D166" s="427">
        <v>35926550.699999996</v>
      </c>
      <c r="E166" s="427">
        <v>35926550.699999996</v>
      </c>
      <c r="F166" s="427">
        <v>0.62383727298139457</v>
      </c>
      <c r="G166" s="427">
        <v>30950606.300000004</v>
      </c>
      <c r="H166" s="427">
        <v>9224733.0699999966</v>
      </c>
      <c r="I166" s="427">
        <v>9224733.0699999966</v>
      </c>
      <c r="J166" s="427">
        <v>0.49531468571796372</v>
      </c>
      <c r="K166" s="427">
        <v>57652423.930000007</v>
      </c>
      <c r="L166" s="426">
        <v>0</v>
      </c>
    </row>
    <row r="167" spans="1:13" ht="10.5" x14ac:dyDescent="0.2">
      <c r="A167" s="448" t="s">
        <v>717</v>
      </c>
      <c r="B167" s="427">
        <v>3720000</v>
      </c>
      <c r="C167" s="427">
        <v>2220000</v>
      </c>
      <c r="D167" s="427">
        <v>0</v>
      </c>
      <c r="E167" s="427">
        <v>0</v>
      </c>
      <c r="F167" s="427">
        <v>0</v>
      </c>
      <c r="G167" s="427">
        <v>2220000</v>
      </c>
      <c r="H167" s="427">
        <v>0</v>
      </c>
      <c r="I167" s="427">
        <v>0</v>
      </c>
      <c r="J167" s="427">
        <v>0</v>
      </c>
      <c r="K167" s="427">
        <v>2220000</v>
      </c>
      <c r="L167" s="426">
        <v>0</v>
      </c>
    </row>
    <row r="168" spans="1:13" ht="10.5" x14ac:dyDescent="0.2">
      <c r="A168" s="448" t="s">
        <v>718</v>
      </c>
      <c r="B168" s="427">
        <v>581290300</v>
      </c>
      <c r="C168" s="427">
        <v>576056543</v>
      </c>
      <c r="D168" s="427">
        <v>344654243.45000005</v>
      </c>
      <c r="E168" s="427">
        <v>344654243.45000005</v>
      </c>
      <c r="F168" s="427">
        <v>5.9846592329642636</v>
      </c>
      <c r="G168" s="427">
        <v>231402299.54999995</v>
      </c>
      <c r="H168" s="427">
        <v>52351202.630000003</v>
      </c>
      <c r="I168" s="427">
        <v>52351202.630000003</v>
      </c>
      <c r="J168" s="427">
        <v>2.8109560765464945</v>
      </c>
      <c r="K168" s="427">
        <v>523705340.37</v>
      </c>
      <c r="L168" s="426">
        <v>0</v>
      </c>
    </row>
    <row r="169" spans="1:13" ht="10.5" x14ac:dyDescent="0.2">
      <c r="A169" s="448" t="s">
        <v>719</v>
      </c>
      <c r="B169" s="427">
        <v>3300000</v>
      </c>
      <c r="C169" s="427">
        <v>2430000</v>
      </c>
      <c r="D169" s="427">
        <v>0</v>
      </c>
      <c r="E169" s="427">
        <v>0</v>
      </c>
      <c r="F169" s="427">
        <v>0</v>
      </c>
      <c r="G169" s="427">
        <v>2430000</v>
      </c>
      <c r="H169" s="427">
        <v>0</v>
      </c>
      <c r="I169" s="427">
        <v>0</v>
      </c>
      <c r="J169" s="427">
        <v>0</v>
      </c>
      <c r="K169" s="427">
        <v>2430000</v>
      </c>
      <c r="L169" s="426">
        <v>0</v>
      </c>
    </row>
    <row r="170" spans="1:13" ht="10.5" x14ac:dyDescent="0.2">
      <c r="A170" s="448" t="s">
        <v>720</v>
      </c>
      <c r="B170" s="427">
        <v>2500000</v>
      </c>
      <c r="C170" s="427">
        <v>2000000</v>
      </c>
      <c r="D170" s="427">
        <v>0</v>
      </c>
      <c r="E170" s="427">
        <v>0</v>
      </c>
      <c r="F170" s="427">
        <v>0</v>
      </c>
      <c r="G170" s="427">
        <v>2000000</v>
      </c>
      <c r="H170" s="427">
        <v>0</v>
      </c>
      <c r="I170" s="427">
        <v>0</v>
      </c>
      <c r="J170" s="427">
        <v>0</v>
      </c>
      <c r="K170" s="427">
        <v>2000000</v>
      </c>
      <c r="L170" s="426">
        <v>0</v>
      </c>
    </row>
    <row r="171" spans="1:13" s="187" customFormat="1" ht="10.5" x14ac:dyDescent="0.2">
      <c r="A171" s="448"/>
      <c r="B171" s="427"/>
      <c r="C171" s="425"/>
      <c r="D171" s="425"/>
      <c r="E171" s="425"/>
      <c r="F171" s="425"/>
      <c r="G171" s="427"/>
      <c r="H171" s="425"/>
      <c r="I171" s="425"/>
      <c r="J171" s="427"/>
      <c r="K171" s="425"/>
      <c r="L171" s="426"/>
      <c r="M171" s="217"/>
    </row>
    <row r="172" spans="1:13" s="66" customFormat="1" ht="10.5" x14ac:dyDescent="0.2">
      <c r="A172" s="142" t="s">
        <v>721</v>
      </c>
      <c r="B172" s="425">
        <v>27684900</v>
      </c>
      <c r="C172" s="425">
        <v>27684900</v>
      </c>
      <c r="D172" s="425">
        <v>2751530.57</v>
      </c>
      <c r="E172" s="425">
        <v>2751530.57</v>
      </c>
      <c r="F172" s="425">
        <v>4.7778239042406662E-2</v>
      </c>
      <c r="G172" s="425">
        <v>24933369.43</v>
      </c>
      <c r="H172" s="425">
        <v>646232.0199999999</v>
      </c>
      <c r="I172" s="425">
        <v>646232.0199999999</v>
      </c>
      <c r="J172" s="425">
        <v>3.4698912961303167E-2</v>
      </c>
      <c r="K172" s="425">
        <v>27038667.979999997</v>
      </c>
      <c r="L172" s="426">
        <v>0</v>
      </c>
      <c r="M172" s="155"/>
    </row>
    <row r="173" spans="1:13" ht="10.5" x14ac:dyDescent="0.2">
      <c r="A173" s="448" t="s">
        <v>722</v>
      </c>
      <c r="B173" s="427">
        <v>2500000</v>
      </c>
      <c r="C173" s="427">
        <v>2500000</v>
      </c>
      <c r="D173" s="427">
        <v>259458.49000000002</v>
      </c>
      <c r="E173" s="427">
        <v>259458.49000000002</v>
      </c>
      <c r="F173" s="427">
        <v>4.5052996655610047E-3</v>
      </c>
      <c r="G173" s="427">
        <v>2240541.5099999998</v>
      </c>
      <c r="H173" s="427">
        <v>89372.85</v>
      </c>
      <c r="I173" s="427">
        <v>89372.85</v>
      </c>
      <c r="J173" s="427">
        <v>4.7988039083139275E-3</v>
      </c>
      <c r="K173" s="427">
        <v>2410627.15</v>
      </c>
      <c r="L173" s="426">
        <v>0</v>
      </c>
    </row>
    <row r="174" spans="1:13" ht="10.5" x14ac:dyDescent="0.2">
      <c r="A174" s="448" t="s">
        <v>723</v>
      </c>
      <c r="B174" s="427">
        <v>25184900</v>
      </c>
      <c r="C174" s="427">
        <v>25184900</v>
      </c>
      <c r="D174" s="427">
        <v>2492072.0799999996</v>
      </c>
      <c r="E174" s="427">
        <v>2492072.0799999996</v>
      </c>
      <c r="F174" s="427">
        <v>4.3272939376845648E-2</v>
      </c>
      <c r="G174" s="427">
        <v>22692827.920000002</v>
      </c>
      <c r="H174" s="427">
        <v>556859.16999999993</v>
      </c>
      <c r="I174" s="427">
        <v>556859.16999999993</v>
      </c>
      <c r="J174" s="427">
        <v>2.9900109052989243E-2</v>
      </c>
      <c r="K174" s="427">
        <v>24628040.829999998</v>
      </c>
      <c r="L174" s="426">
        <v>0</v>
      </c>
    </row>
    <row r="175" spans="1:13" ht="10.5" x14ac:dyDescent="0.2">
      <c r="A175" s="448"/>
      <c r="B175" s="427"/>
      <c r="C175" s="425"/>
      <c r="D175" s="425"/>
      <c r="E175" s="425"/>
      <c r="F175" s="425"/>
      <c r="G175" s="427"/>
      <c r="H175" s="425"/>
      <c r="I175" s="425"/>
      <c r="J175" s="425"/>
      <c r="K175" s="425"/>
      <c r="L175" s="426"/>
    </row>
    <row r="176" spans="1:13" s="66" customFormat="1" ht="10.5" x14ac:dyDescent="0.2">
      <c r="A176" s="142" t="s">
        <v>724</v>
      </c>
      <c r="B176" s="425">
        <v>3363320600</v>
      </c>
      <c r="C176" s="425">
        <v>3315516600</v>
      </c>
      <c r="D176" s="425">
        <v>1108315279.8399999</v>
      </c>
      <c r="E176" s="425">
        <v>1108315279.8399999</v>
      </c>
      <c r="F176" s="425">
        <v>19.245053263045282</v>
      </c>
      <c r="G176" s="425">
        <v>2207201320.1599998</v>
      </c>
      <c r="H176" s="425">
        <v>230705947.06999999</v>
      </c>
      <c r="I176" s="425">
        <v>230705947.06999999</v>
      </c>
      <c r="J176" s="425">
        <v>12.387571846156657</v>
      </c>
      <c r="K176" s="425">
        <v>3084810652.9300003</v>
      </c>
      <c r="L176" s="426">
        <v>0</v>
      </c>
      <c r="M176" s="155"/>
    </row>
    <row r="177" spans="1:13" s="348" customFormat="1" ht="10.5" x14ac:dyDescent="0.2">
      <c r="A177" s="347" t="s">
        <v>796</v>
      </c>
      <c r="B177" s="503">
        <v>717719100</v>
      </c>
      <c r="C177" s="427">
        <v>717719100</v>
      </c>
      <c r="D177" s="427">
        <v>717719100</v>
      </c>
      <c r="E177" s="427">
        <v>717719100</v>
      </c>
      <c r="F177" s="427">
        <v>12.4626471895244</v>
      </c>
      <c r="G177" s="427">
        <v>0</v>
      </c>
      <c r="H177" s="427">
        <v>117761512.8</v>
      </c>
      <c r="I177" s="427">
        <v>117761512.8</v>
      </c>
      <c r="J177" s="427">
        <v>6.3231105181674367</v>
      </c>
      <c r="K177" s="427">
        <v>599957587.20000005</v>
      </c>
      <c r="L177" s="426">
        <v>0</v>
      </c>
      <c r="M177" s="408"/>
    </row>
    <row r="178" spans="1:13" ht="10.5" x14ac:dyDescent="0.2">
      <c r="A178" s="448" t="s">
        <v>725</v>
      </c>
      <c r="B178" s="427">
        <v>217753800</v>
      </c>
      <c r="C178" s="427">
        <v>218753800</v>
      </c>
      <c r="D178" s="427">
        <v>209743667.08000001</v>
      </c>
      <c r="E178" s="427">
        <v>209743667.08000001</v>
      </c>
      <c r="F178" s="427">
        <v>3.6420395152575757</v>
      </c>
      <c r="G178" s="427">
        <v>9010132.9199999869</v>
      </c>
      <c r="H178" s="427">
        <v>34198841.43</v>
      </c>
      <c r="I178" s="427">
        <v>34198841.43</v>
      </c>
      <c r="J178" s="427">
        <v>1.8362795179306941</v>
      </c>
      <c r="K178" s="427">
        <v>184554958.56999999</v>
      </c>
      <c r="L178" s="426">
        <v>0</v>
      </c>
    </row>
    <row r="179" spans="1:13" ht="10.5" x14ac:dyDescent="0.2">
      <c r="A179" s="448" t="s">
        <v>726</v>
      </c>
      <c r="B179" s="427">
        <v>26138300</v>
      </c>
      <c r="C179" s="427">
        <v>26138300</v>
      </c>
      <c r="D179" s="427">
        <v>0</v>
      </c>
      <c r="E179" s="427">
        <v>0</v>
      </c>
      <c r="F179" s="427">
        <v>0</v>
      </c>
      <c r="G179" s="427">
        <v>26138300</v>
      </c>
      <c r="H179" s="427">
        <v>0</v>
      </c>
      <c r="I179" s="427">
        <v>0</v>
      </c>
      <c r="J179" s="427">
        <v>0</v>
      </c>
      <c r="K179" s="427">
        <v>26138300</v>
      </c>
      <c r="L179" s="426">
        <v>0</v>
      </c>
    </row>
    <row r="180" spans="1:13" ht="10.5" x14ac:dyDescent="0.2">
      <c r="A180" s="448" t="s">
        <v>876</v>
      </c>
      <c r="B180" s="427">
        <v>2172871000</v>
      </c>
      <c r="C180" s="427">
        <v>2124117000</v>
      </c>
      <c r="D180" s="427">
        <v>64591166.890000001</v>
      </c>
      <c r="E180" s="427">
        <v>64591166.890000001</v>
      </c>
      <c r="F180" s="427">
        <v>1.1215765673642515</v>
      </c>
      <c r="G180" s="427">
        <v>2059525833.1099999</v>
      </c>
      <c r="H180" s="427">
        <v>36841166.890000001</v>
      </c>
      <c r="I180" s="427">
        <v>36841166.890000001</v>
      </c>
      <c r="J180" s="427">
        <v>1.9781570763221452</v>
      </c>
      <c r="K180" s="427">
        <v>2087275833.1099999</v>
      </c>
      <c r="L180" s="426">
        <v>0</v>
      </c>
    </row>
    <row r="181" spans="1:13" ht="10.5" x14ac:dyDescent="0.2">
      <c r="A181" s="448" t="s">
        <v>727</v>
      </c>
      <c r="B181" s="427">
        <v>228838400</v>
      </c>
      <c r="C181" s="427">
        <v>228788400</v>
      </c>
      <c r="D181" s="427">
        <v>116261345.86999999</v>
      </c>
      <c r="E181" s="427">
        <v>116261345.86999999</v>
      </c>
      <c r="F181" s="427">
        <v>2.0187899908990574</v>
      </c>
      <c r="G181" s="427">
        <v>112527054.13000001</v>
      </c>
      <c r="H181" s="427">
        <v>41904425.949999996</v>
      </c>
      <c r="I181" s="427">
        <v>41904425.949999996</v>
      </c>
      <c r="J181" s="427">
        <v>2.2500247337363812</v>
      </c>
      <c r="K181" s="427">
        <v>186883974.05000001</v>
      </c>
      <c r="L181" s="426">
        <v>0</v>
      </c>
    </row>
    <row r="182" spans="1:13" ht="10.5" customHeight="1" x14ac:dyDescent="0.2">
      <c r="A182" s="448" t="s">
        <v>752</v>
      </c>
      <c r="B182" s="427">
        <v>0</v>
      </c>
      <c r="C182" s="425">
        <v>0</v>
      </c>
      <c r="D182" s="425">
        <v>0</v>
      </c>
      <c r="E182" s="425">
        <v>0</v>
      </c>
      <c r="F182" s="427">
        <v>0</v>
      </c>
      <c r="G182" s="427">
        <v>0</v>
      </c>
      <c r="H182" s="425"/>
      <c r="I182" s="425"/>
      <c r="J182" s="427">
        <v>0</v>
      </c>
      <c r="K182" s="427">
        <v>0</v>
      </c>
      <c r="L182" s="426">
        <v>0</v>
      </c>
    </row>
    <row r="183" spans="1:13" s="264" customFormat="1" ht="10.5" customHeight="1" x14ac:dyDescent="0.2">
      <c r="A183" s="448"/>
      <c r="B183" s="427"/>
      <c r="C183" s="425"/>
      <c r="D183" s="425"/>
      <c r="E183" s="425"/>
      <c r="F183" s="425"/>
      <c r="G183" s="425"/>
      <c r="H183" s="425"/>
      <c r="I183" s="425"/>
      <c r="J183" s="425"/>
      <c r="K183" s="425"/>
      <c r="L183" s="426"/>
      <c r="M183" s="217"/>
    </row>
    <row r="184" spans="1:13" s="66" customFormat="1" ht="10.5" customHeight="1" x14ac:dyDescent="0.2">
      <c r="A184" s="143" t="s">
        <v>728</v>
      </c>
      <c r="B184" s="425">
        <v>128753000</v>
      </c>
      <c r="C184" s="425">
        <v>128753000</v>
      </c>
      <c r="D184" s="425">
        <v>0</v>
      </c>
      <c r="E184" s="425">
        <v>0</v>
      </c>
      <c r="F184" s="425">
        <v>0</v>
      </c>
      <c r="G184" s="425">
        <v>128753000</v>
      </c>
      <c r="H184" s="425">
        <v>0</v>
      </c>
      <c r="I184" s="425">
        <v>0</v>
      </c>
      <c r="J184" s="425">
        <v>0</v>
      </c>
      <c r="K184" s="425">
        <v>128753000</v>
      </c>
      <c r="L184" s="426">
        <v>0</v>
      </c>
      <c r="M184" s="155"/>
    </row>
    <row r="185" spans="1:13" ht="10.5" x14ac:dyDescent="0.2">
      <c r="A185" s="22" t="s">
        <v>730</v>
      </c>
      <c r="B185" s="427">
        <v>0</v>
      </c>
      <c r="C185" s="427">
        <v>0</v>
      </c>
      <c r="D185" s="427">
        <v>0</v>
      </c>
      <c r="E185" s="427">
        <v>0</v>
      </c>
      <c r="F185" s="425">
        <v>0</v>
      </c>
      <c r="G185" s="427">
        <v>0</v>
      </c>
      <c r="H185" s="427">
        <v>0</v>
      </c>
      <c r="I185" s="427">
        <v>0</v>
      </c>
      <c r="J185" s="427">
        <v>0</v>
      </c>
      <c r="K185" s="427">
        <v>0</v>
      </c>
      <c r="L185" s="426">
        <v>0</v>
      </c>
    </row>
    <row r="186" spans="1:13" ht="11.25" customHeight="1" x14ac:dyDescent="0.2">
      <c r="A186" s="22" t="s">
        <v>729</v>
      </c>
      <c r="B186" s="427">
        <v>128753000</v>
      </c>
      <c r="C186" s="427">
        <v>128753000</v>
      </c>
      <c r="D186" s="427">
        <v>0</v>
      </c>
      <c r="E186" s="427">
        <v>0</v>
      </c>
      <c r="F186" s="425">
        <v>0</v>
      </c>
      <c r="G186" s="427">
        <v>128753000</v>
      </c>
      <c r="H186" s="427">
        <v>0</v>
      </c>
      <c r="I186" s="427">
        <v>0</v>
      </c>
      <c r="J186" s="427">
        <v>0</v>
      </c>
      <c r="K186" s="427">
        <v>128753000</v>
      </c>
      <c r="L186" s="426">
        <v>0</v>
      </c>
    </row>
    <row r="187" spans="1:13" ht="11.25" customHeight="1" x14ac:dyDescent="0.2">
      <c r="A187" s="22"/>
      <c r="B187" s="427"/>
      <c r="C187" s="427"/>
      <c r="D187" s="427"/>
      <c r="E187" s="427"/>
      <c r="F187" s="427"/>
      <c r="G187" s="427"/>
      <c r="H187" s="427"/>
      <c r="I187" s="427"/>
      <c r="J187" s="425"/>
      <c r="K187" s="425"/>
      <c r="L187" s="426"/>
    </row>
    <row r="188" spans="1:13" s="66" customFormat="1" ht="15" customHeight="1" x14ac:dyDescent="0.2">
      <c r="A188" s="142" t="s">
        <v>221</v>
      </c>
      <c r="B188" s="425">
        <v>993939500</v>
      </c>
      <c r="C188" s="425">
        <v>1054624627.3099999</v>
      </c>
      <c r="D188" s="425">
        <v>376308690.51000005</v>
      </c>
      <c r="E188" s="425">
        <v>376308690.51000005</v>
      </c>
      <c r="F188" s="425">
        <v>6.5343146701516783</v>
      </c>
      <c r="G188" s="425">
        <v>678315936.80000007</v>
      </c>
      <c r="H188" s="425">
        <v>192314669.40999997</v>
      </c>
      <c r="I188" s="425">
        <v>192314669.40999997</v>
      </c>
      <c r="J188" s="425">
        <v>10.326182808210868</v>
      </c>
      <c r="K188" s="425">
        <v>862309957.90000021</v>
      </c>
      <c r="L188" s="426">
        <v>0</v>
      </c>
      <c r="M188" s="155"/>
    </row>
    <row r="189" spans="1:13" ht="15" customHeight="1" x14ac:dyDescent="0.2">
      <c r="A189" s="447" t="s">
        <v>222</v>
      </c>
      <c r="B189" s="362">
        <v>13926525000</v>
      </c>
      <c r="C189" s="362">
        <v>14006950038</v>
      </c>
      <c r="D189" s="362">
        <v>5758961872.9100008</v>
      </c>
      <c r="E189" s="362">
        <v>5758961872.9100008</v>
      </c>
      <c r="F189" s="504">
        <v>100</v>
      </c>
      <c r="G189" s="362">
        <v>8247988165.0899992</v>
      </c>
      <c r="H189" s="362">
        <v>1862398458.1899991</v>
      </c>
      <c r="I189" s="362">
        <v>1862398458.1899991</v>
      </c>
      <c r="J189" s="504">
        <v>100</v>
      </c>
      <c r="K189" s="505">
        <v>12144551579.809999</v>
      </c>
      <c r="L189" s="229">
        <v>0</v>
      </c>
    </row>
    <row r="190" spans="1:13" ht="11.25" customHeight="1" x14ac:dyDescent="0.2">
      <c r="A190" s="65" t="s">
        <v>848</v>
      </c>
      <c r="L190" s="293"/>
    </row>
    <row r="191" spans="1:13" ht="11.25" customHeight="1" x14ac:dyDescent="0.2">
      <c r="A191" s="449"/>
      <c r="D191" s="204"/>
      <c r="I191" s="204"/>
    </row>
    <row r="192" spans="1:13" s="264" customFormat="1" ht="11.25" customHeight="1" x14ac:dyDescent="0.2">
      <c r="A192" s="449"/>
      <c r="B192" s="204"/>
      <c r="C192" s="204"/>
      <c r="D192" s="204"/>
      <c r="E192" s="204"/>
      <c r="F192" s="204"/>
      <c r="G192" s="204"/>
      <c r="H192" s="204"/>
      <c r="I192" s="204"/>
      <c r="J192" s="459"/>
      <c r="K192" s="459"/>
      <c r="L192" s="45"/>
      <c r="M192" s="217"/>
    </row>
    <row r="193" spans="1:13" s="264" customFormat="1" ht="11.25" customHeight="1" x14ac:dyDescent="0.2">
      <c r="A193" s="449"/>
      <c r="B193" s="459"/>
      <c r="C193" s="459"/>
      <c r="D193" s="204"/>
      <c r="E193" s="459"/>
      <c r="F193" s="459"/>
      <c r="G193" s="459"/>
      <c r="H193" s="459"/>
      <c r="I193" s="204"/>
      <c r="J193" s="459"/>
      <c r="K193" s="459"/>
      <c r="L193" s="45"/>
      <c r="M193" s="217"/>
    </row>
    <row r="194" spans="1:13" s="264" customFormat="1" ht="11.25" customHeight="1" x14ac:dyDescent="0.2">
      <c r="A194" s="449"/>
      <c r="B194" s="45"/>
      <c r="C194" s="45"/>
      <c r="D194" s="204"/>
      <c r="E194" s="45"/>
      <c r="F194" s="45"/>
      <c r="G194" s="45"/>
      <c r="H194" s="45"/>
      <c r="I194" s="204"/>
      <c r="J194" s="45"/>
      <c r="K194" s="45"/>
      <c r="L194" s="45"/>
      <c r="M194" s="217"/>
    </row>
    <row r="199" spans="1:13" s="45" customFormat="1" ht="11.25" customHeight="1" x14ac:dyDescent="0.2"/>
    <row r="200" spans="1:13" s="45" customFormat="1" ht="11.25" customHeight="1" x14ac:dyDescent="0.2"/>
    <row r="201" spans="1:13" s="45" customFormat="1" ht="11.25" customHeight="1" x14ac:dyDescent="0.2"/>
    <row r="202" spans="1:13" s="45" customFormat="1" ht="11.25" customHeight="1" x14ac:dyDescent="0.2"/>
    <row r="203" spans="1:13" s="45" customFormat="1" ht="11.25" customHeight="1" x14ac:dyDescent="0.2"/>
    <row r="204" spans="1:13" s="45" customFormat="1" ht="11.25" customHeight="1" x14ac:dyDescent="0.2"/>
    <row r="205" spans="1:13" s="45" customFormat="1" ht="11.25" customHeight="1" x14ac:dyDescent="0.2"/>
  </sheetData>
  <customSheetViews>
    <customSheetView guid="{C779D862-DE28-46CD-A428-4AAA1056D1E1}" showPageBreaks="1" showGridLines="0" fitToPage="1" printArea="1">
      <selection activeCell="C79" sqref="C79"/>
      <pageMargins left="0.19685039370078741" right="0.19685039370078741" top="0.19685039370078741" bottom="0.19685039370078741" header="0" footer="0"/>
      <printOptions horizontalCentered="1"/>
      <pageSetup paperSize="9" scale="38" orientation="portrait" r:id="rId1"/>
      <headerFooter alignWithMargins="0"/>
    </customSheetView>
    <customSheetView guid="{B467DF90-BD78-4523-834B-7425556A2F17}" showPageBreaks="1" showGridLines="0" fitToPage="1" printArea="1" topLeftCell="A64">
      <selection activeCell="C79" sqref="C79"/>
      <pageMargins left="0.19685039370078741" right="0.19685039370078741" top="0.19685039370078741" bottom="0.19685039370078741" header="0" footer="0"/>
      <printOptions horizontalCentered="1"/>
      <pageSetup paperSize="9" scale="38" orientation="portrait" r:id="rId2"/>
      <headerFooter alignWithMargins="0"/>
    </customSheetView>
    <customSheetView guid="{3AAF6A5F-F9AA-430B-9AD9-1261ECDF41B5}" showPageBreaks="1" showGridLines="0" fitToPage="1" printArea="1" topLeftCell="A164">
      <selection activeCell="C169" sqref="C169"/>
      <pageMargins left="0.19685039370078741" right="0.19685039370078741" top="0.19685039370078741" bottom="0.19685039370078741" header="0" footer="0"/>
      <printOptions horizontalCentered="1"/>
      <pageSetup paperSize="9" scale="38" orientation="portrait" r:id="rId3"/>
      <headerFooter alignWithMargins="0"/>
    </customSheetView>
    <customSheetView guid="{25EF1E0D-169B-4051-B414-7E1196FC05E4}" showPageBreaks="1" showGridLines="0" fitToPage="1" printArea="1" topLeftCell="A64">
      <selection activeCell="C79" sqref="C79"/>
      <pageMargins left="0.19685039370078741" right="0.19685039370078741" top="0.19685039370078741" bottom="0.19685039370078741" header="0" footer="0"/>
      <printOptions horizontalCentered="1"/>
      <pageSetup paperSize="9" scale="38" orientation="portrait" r:id="rId4"/>
      <headerFooter alignWithMargins="0"/>
    </customSheetView>
    <customSheetView guid="{6DBFA32C-4AA4-4E1D-9A48-697377C64CC3}" showPageBreaks="1" showGridLines="0" fitToPage="1" printArea="1">
      <selection activeCell="H189" sqref="H189"/>
      <pageMargins left="0.19685039370078741" right="0.19685039370078741" top="0.19685039370078741" bottom="0.19685039370078741" header="0" footer="0"/>
      <printOptions horizontalCentered="1"/>
      <pageSetup paperSize="9" scale="38"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7"/>
      <headerFooter alignWithMargins="0"/>
    </customSheetView>
    <customSheetView guid="{82EDB5A4-4824-4632-A540-7A52C92F04C7}" showPageBreaks="1" showGridLines="0" fitToPage="1" printArea="1" topLeftCell="A9">
      <pane xSplit="1" ySplit="4" topLeftCell="B171" activePane="bottomRight" state="frozen"/>
      <selection pane="bottomRight" activeCell="C189" sqref="C189"/>
      <pageMargins left="0.19685039370078741" right="0.19685039370078741" top="0.19685039370078741" bottom="0.19685039370078741" header="0" footer="0"/>
      <printOptions horizontalCentered="1"/>
      <pageSetup paperSize="9" scale="38" orientation="portrait" r:id="rId8"/>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37" orientation="portrait" r:id="rId9"/>
  <headerFooter alignWithMargins="0"/>
  <drawing r:id="rId1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166"/>
  <sheetViews>
    <sheetView showGridLines="0" zoomScaleNormal="100" workbookViewId="0"/>
  </sheetViews>
  <sheetFormatPr defaultColWidth="9.140625" defaultRowHeight="11.25" customHeight="1" x14ac:dyDescent="0.2"/>
  <cols>
    <col min="1" max="1" width="42.7109375" style="45" customWidth="1"/>
    <col min="2" max="2" width="17.5703125" style="45" bestFit="1" customWidth="1"/>
    <col min="3" max="3" width="19.140625" style="45" bestFit="1" customWidth="1"/>
    <col min="4" max="4" width="17.42578125" style="45" customWidth="1"/>
    <col min="5" max="5" width="20.28515625" style="45" customWidth="1"/>
    <col min="6" max="6" width="11" style="45" customWidth="1"/>
    <col min="7" max="7" width="17.42578125" style="45" bestFit="1" customWidth="1"/>
    <col min="8" max="8" width="17" style="45" customWidth="1"/>
    <col min="9" max="9" width="17.28515625" style="45" bestFit="1" customWidth="1"/>
    <col min="10" max="10" width="11" style="45" customWidth="1"/>
    <col min="11" max="11" width="17.7109375" style="45" customWidth="1"/>
    <col min="12" max="12" width="15.7109375" style="45" customWidth="1"/>
    <col min="13" max="16384" width="9.140625" style="188"/>
  </cols>
  <sheetData>
    <row r="1" spans="1:12" s="26" customFormat="1" ht="10.5" x14ac:dyDescent="0.2">
      <c r="A1" s="291"/>
      <c r="B1" s="291"/>
      <c r="C1" s="291"/>
      <c r="D1" s="291"/>
      <c r="E1" s="291"/>
      <c r="F1" s="291"/>
      <c r="G1" s="291"/>
      <c r="H1" s="291"/>
      <c r="I1" s="291"/>
      <c r="J1" s="291"/>
    </row>
    <row r="2" spans="1:12" s="26" customFormat="1" ht="10.5" x14ac:dyDescent="0.2">
      <c r="A2" s="190"/>
    </row>
    <row r="3" spans="1:12" s="45" customFormat="1" ht="10.5" x14ac:dyDescent="0.2">
      <c r="A3" s="731" t="s">
        <v>637</v>
      </c>
      <c r="B3" s="731"/>
      <c r="C3" s="731"/>
      <c r="D3" s="731"/>
      <c r="E3" s="731"/>
      <c r="F3" s="731"/>
      <c r="G3" s="731"/>
      <c r="H3" s="731"/>
      <c r="I3" s="731"/>
      <c r="J3" s="731"/>
      <c r="K3" s="731"/>
      <c r="L3" s="731"/>
    </row>
    <row r="4" spans="1:12" s="45" customFormat="1" ht="10.5" x14ac:dyDescent="0.2">
      <c r="A4" s="731" t="s">
        <v>105</v>
      </c>
      <c r="B4" s="731"/>
      <c r="C4" s="731"/>
      <c r="D4" s="731"/>
      <c r="E4" s="731"/>
      <c r="F4" s="731"/>
      <c r="G4" s="731"/>
      <c r="H4" s="731"/>
      <c r="I4" s="731"/>
      <c r="J4" s="731"/>
      <c r="K4" s="731"/>
      <c r="L4" s="731"/>
    </row>
    <row r="5" spans="1:12" s="45" customFormat="1" ht="10.5" x14ac:dyDescent="0.2">
      <c r="A5" s="731" t="s">
        <v>168</v>
      </c>
      <c r="B5" s="731"/>
      <c r="C5" s="731"/>
      <c r="D5" s="731"/>
      <c r="E5" s="731"/>
      <c r="F5" s="731"/>
      <c r="G5" s="731"/>
      <c r="H5" s="731"/>
      <c r="I5" s="731"/>
      <c r="J5" s="731"/>
      <c r="K5" s="731"/>
      <c r="L5" s="731"/>
    </row>
    <row r="6" spans="1:12" s="45" customFormat="1" ht="10.5" x14ac:dyDescent="0.2">
      <c r="A6" s="731" t="s">
        <v>107</v>
      </c>
      <c r="B6" s="731"/>
      <c r="C6" s="731"/>
      <c r="D6" s="731"/>
      <c r="E6" s="731"/>
      <c r="F6" s="731"/>
      <c r="G6" s="731"/>
      <c r="H6" s="731"/>
      <c r="I6" s="731"/>
      <c r="J6" s="731"/>
      <c r="K6" s="731"/>
      <c r="L6" s="731"/>
    </row>
    <row r="7" spans="1:12" s="45" customFormat="1" ht="10.5" x14ac:dyDescent="0.2">
      <c r="A7" s="731" t="s">
        <v>863</v>
      </c>
      <c r="B7" s="731"/>
      <c r="C7" s="731"/>
      <c r="D7" s="731"/>
      <c r="E7" s="731"/>
      <c r="F7" s="731"/>
      <c r="G7" s="731"/>
      <c r="H7" s="731"/>
      <c r="I7" s="731"/>
      <c r="J7" s="731"/>
      <c r="K7" s="731"/>
      <c r="L7" s="731"/>
    </row>
    <row r="8" spans="1:12" s="26" customFormat="1" ht="10.5" x14ac:dyDescent="0.2">
      <c r="A8" s="46"/>
      <c r="B8" s="46"/>
      <c r="C8" s="46"/>
      <c r="D8" s="46"/>
      <c r="E8" s="46"/>
      <c r="F8" s="46"/>
      <c r="G8" s="46"/>
      <c r="H8" s="46"/>
      <c r="I8" s="46"/>
      <c r="J8" s="46"/>
      <c r="K8" s="46"/>
      <c r="L8" s="46"/>
    </row>
    <row r="9" spans="1:12" s="26" customFormat="1" ht="10.5" x14ac:dyDescent="0.2">
      <c r="A9" s="26" t="s">
        <v>733</v>
      </c>
      <c r="B9" s="112"/>
      <c r="L9" s="623">
        <v>1</v>
      </c>
    </row>
    <row r="10" spans="1:12" ht="20.100000000000001" customHeight="1" x14ac:dyDescent="0.2">
      <c r="A10" s="766" t="s">
        <v>732</v>
      </c>
      <c r="B10" s="184" t="s">
        <v>157</v>
      </c>
      <c r="C10" s="184" t="s">
        <v>157</v>
      </c>
      <c r="D10" s="740" t="s">
        <v>158</v>
      </c>
      <c r="E10" s="741"/>
      <c r="F10" s="742"/>
      <c r="G10" s="729" t="s">
        <v>161</v>
      </c>
      <c r="H10" s="764" t="s">
        <v>159</v>
      </c>
      <c r="I10" s="765"/>
      <c r="J10" s="766"/>
      <c r="K10" s="729" t="s">
        <v>161</v>
      </c>
      <c r="L10" s="709" t="s">
        <v>731</v>
      </c>
    </row>
    <row r="11" spans="1:12" ht="20.100000000000001" customHeight="1" x14ac:dyDescent="0.2">
      <c r="A11" s="769"/>
      <c r="B11" s="186" t="s">
        <v>111</v>
      </c>
      <c r="C11" s="186" t="s">
        <v>112</v>
      </c>
      <c r="D11" s="767" t="s">
        <v>113</v>
      </c>
      <c r="E11" s="184" t="s">
        <v>115</v>
      </c>
      <c r="F11" s="184" t="s">
        <v>114</v>
      </c>
      <c r="G11" s="730"/>
      <c r="H11" s="767" t="s">
        <v>113</v>
      </c>
      <c r="I11" s="184" t="s">
        <v>115</v>
      </c>
      <c r="J11" s="184" t="s">
        <v>114</v>
      </c>
      <c r="K11" s="730"/>
      <c r="L11" s="711"/>
    </row>
    <row r="12" spans="1:12" s="400" customFormat="1" ht="20.100000000000001" customHeight="1" x14ac:dyDescent="0.2">
      <c r="A12" s="770"/>
      <c r="B12" s="397"/>
      <c r="C12" s="398" t="s">
        <v>116</v>
      </c>
      <c r="D12" s="768"/>
      <c r="E12" s="398" t="s">
        <v>117</v>
      </c>
      <c r="F12" s="398" t="s">
        <v>59</v>
      </c>
      <c r="G12" s="399" t="s">
        <v>279</v>
      </c>
      <c r="H12" s="768"/>
      <c r="I12" s="398" t="s">
        <v>162</v>
      </c>
      <c r="J12" s="398" t="s">
        <v>541</v>
      </c>
      <c r="K12" s="399" t="s">
        <v>540</v>
      </c>
      <c r="L12" s="713"/>
    </row>
    <row r="13" spans="1:12" s="19" customFormat="1" ht="10.5" x14ac:dyDescent="0.2">
      <c r="A13" s="142"/>
      <c r="B13" s="24"/>
      <c r="C13" s="23"/>
      <c r="D13" s="23"/>
      <c r="E13" s="23"/>
      <c r="F13" s="23"/>
      <c r="G13" s="342"/>
      <c r="H13" s="342"/>
      <c r="I13" s="342"/>
      <c r="J13" s="201"/>
      <c r="K13" s="201"/>
      <c r="L13" s="292"/>
    </row>
    <row r="14" spans="1:12" s="185" customFormat="1" ht="10.5" x14ac:dyDescent="0.2">
      <c r="A14" s="142" t="s">
        <v>638</v>
      </c>
      <c r="B14" s="425">
        <v>46320000</v>
      </c>
      <c r="C14" s="425">
        <v>46320000</v>
      </c>
      <c r="D14" s="425">
        <v>23062116.399999999</v>
      </c>
      <c r="E14" s="425">
        <v>23062116.399999999</v>
      </c>
      <c r="F14" s="506">
        <v>6.1285101783710054</v>
      </c>
      <c r="G14" s="425">
        <v>23257883.600000001</v>
      </c>
      <c r="H14" s="425">
        <v>5849220.4000000004</v>
      </c>
      <c r="I14" s="425">
        <v>5849220.4000000004</v>
      </c>
      <c r="J14" s="506">
        <v>3.0414842601163805</v>
      </c>
      <c r="K14" s="507">
        <v>40470779.600000001</v>
      </c>
      <c r="L14" s="508">
        <v>0</v>
      </c>
    </row>
    <row r="15" spans="1:12" ht="10.5" x14ac:dyDescent="0.2">
      <c r="A15" s="189" t="s">
        <v>639</v>
      </c>
      <c r="B15" s="436">
        <v>26000000</v>
      </c>
      <c r="C15" s="436">
        <v>26000000</v>
      </c>
      <c r="D15" s="436">
        <v>2897116.4</v>
      </c>
      <c r="E15" s="436">
        <v>2897116.4</v>
      </c>
      <c r="F15" s="509">
        <v>0.76987762256397096</v>
      </c>
      <c r="G15" s="427">
        <v>23102883.600000001</v>
      </c>
      <c r="H15" s="436">
        <v>2897116.4</v>
      </c>
      <c r="I15" s="436">
        <v>2897116.4</v>
      </c>
      <c r="J15" s="509">
        <v>1.5064458727397296</v>
      </c>
      <c r="K15" s="501">
        <v>23102883.600000001</v>
      </c>
      <c r="L15" s="462">
        <v>0</v>
      </c>
    </row>
    <row r="16" spans="1:12" ht="10.5" x14ac:dyDescent="0.2">
      <c r="A16" s="189" t="s">
        <v>640</v>
      </c>
      <c r="B16" s="436">
        <v>20320000</v>
      </c>
      <c r="C16" s="436">
        <v>20320000</v>
      </c>
      <c r="D16" s="436">
        <v>20165000</v>
      </c>
      <c r="E16" s="436">
        <v>20165000</v>
      </c>
      <c r="F16" s="509">
        <v>5.3586325558070342</v>
      </c>
      <c r="G16" s="427">
        <v>155000</v>
      </c>
      <c r="H16" s="436">
        <v>2952104</v>
      </c>
      <c r="I16" s="436">
        <v>2952104</v>
      </c>
      <c r="J16" s="509">
        <v>1.5350383873766504</v>
      </c>
      <c r="K16" s="501">
        <v>17367896</v>
      </c>
      <c r="L16" s="462">
        <v>0</v>
      </c>
    </row>
    <row r="17" spans="1:12" ht="10.5" x14ac:dyDescent="0.2">
      <c r="A17" s="189"/>
      <c r="B17" s="436"/>
      <c r="C17" s="436"/>
      <c r="D17" s="436"/>
      <c r="E17" s="436"/>
      <c r="F17" s="501"/>
      <c r="G17" s="427"/>
      <c r="H17" s="436"/>
      <c r="I17" s="436"/>
      <c r="J17" s="501"/>
      <c r="K17" s="462"/>
      <c r="L17" s="462"/>
    </row>
    <row r="18" spans="1:12" s="66" customFormat="1" ht="10.5" x14ac:dyDescent="0.2">
      <c r="A18" s="142" t="s">
        <v>641</v>
      </c>
      <c r="B18" s="425">
        <v>102300000</v>
      </c>
      <c r="C18" s="425">
        <v>102353000</v>
      </c>
      <c r="D18" s="425">
        <v>93056227.430000007</v>
      </c>
      <c r="E18" s="425">
        <v>93056227.430000007</v>
      </c>
      <c r="F18" s="506">
        <v>24.728694759582524</v>
      </c>
      <c r="G18" s="425">
        <v>9296772.5699999928</v>
      </c>
      <c r="H18" s="425">
        <v>14353956.460000001</v>
      </c>
      <c r="I18" s="425">
        <v>14353956.460000001</v>
      </c>
      <c r="J18" s="506">
        <v>7.4637865660671361</v>
      </c>
      <c r="K18" s="507">
        <v>87999043.539999992</v>
      </c>
      <c r="L18" s="319">
        <v>0</v>
      </c>
    </row>
    <row r="19" spans="1:12" ht="10.5" x14ac:dyDescent="0.2">
      <c r="A19" s="189" t="s">
        <v>642</v>
      </c>
      <c r="B19" s="427">
        <v>102300000</v>
      </c>
      <c r="C19" s="427">
        <v>102353000</v>
      </c>
      <c r="D19" s="427">
        <v>93056227.430000007</v>
      </c>
      <c r="E19" s="427">
        <v>93056227.430000007</v>
      </c>
      <c r="F19" s="509">
        <v>24.728694759582524</v>
      </c>
      <c r="G19" s="427">
        <v>9296772.5699999928</v>
      </c>
      <c r="H19" s="427">
        <v>14353956.460000001</v>
      </c>
      <c r="I19" s="427">
        <v>14353956.460000001</v>
      </c>
      <c r="J19" s="509">
        <v>7.4637865660671361</v>
      </c>
      <c r="K19" s="501">
        <v>87999043.539999992</v>
      </c>
      <c r="L19" s="462">
        <v>0</v>
      </c>
    </row>
    <row r="20" spans="1:12" ht="10.5" x14ac:dyDescent="0.2">
      <c r="A20" s="189"/>
      <c r="B20" s="427"/>
      <c r="C20" s="427"/>
      <c r="D20" s="427"/>
      <c r="E20" s="427"/>
      <c r="F20" s="501"/>
      <c r="G20" s="427"/>
      <c r="H20" s="427"/>
      <c r="I20" s="427"/>
      <c r="J20" s="501"/>
      <c r="K20" s="462"/>
      <c r="L20" s="462"/>
    </row>
    <row r="21" spans="1:12" s="66" customFormat="1" ht="10.5" x14ac:dyDescent="0.2">
      <c r="A21" s="160" t="s">
        <v>753</v>
      </c>
      <c r="B21" s="425">
        <v>74779700</v>
      </c>
      <c r="C21" s="425">
        <v>74749600</v>
      </c>
      <c r="D21" s="425">
        <v>22648614.100000001</v>
      </c>
      <c r="E21" s="425">
        <v>22648614.100000001</v>
      </c>
      <c r="F21" s="506">
        <v>6.0186263754113689</v>
      </c>
      <c r="G21" s="425">
        <v>52100985.899999999</v>
      </c>
      <c r="H21" s="425">
        <v>10250972.609999999</v>
      </c>
      <c r="I21" s="425">
        <v>10250972.609999999</v>
      </c>
      <c r="J21" s="506">
        <v>5.3303123684994205</v>
      </c>
      <c r="K21" s="507">
        <v>64498627.390000001</v>
      </c>
      <c r="L21" s="319">
        <v>0</v>
      </c>
    </row>
    <row r="22" spans="1:12" ht="10.5" x14ac:dyDescent="0.2">
      <c r="A22" s="189" t="s">
        <v>643</v>
      </c>
      <c r="B22" s="427">
        <v>37605600</v>
      </c>
      <c r="C22" s="427">
        <v>37575600</v>
      </c>
      <c r="D22" s="427">
        <v>10608329.359999999</v>
      </c>
      <c r="E22" s="427">
        <v>10608329.359999999</v>
      </c>
      <c r="F22" s="509">
        <v>2.8190497927706226</v>
      </c>
      <c r="G22" s="427">
        <v>26967270.640000001</v>
      </c>
      <c r="H22" s="427">
        <v>5277375.84</v>
      </c>
      <c r="I22" s="427">
        <v>5277375.84</v>
      </c>
      <c r="J22" s="509">
        <v>2.7441358769928486</v>
      </c>
      <c r="K22" s="501">
        <v>32298224.16</v>
      </c>
      <c r="L22" s="462">
        <v>0</v>
      </c>
    </row>
    <row r="23" spans="1:12" ht="10.5" x14ac:dyDescent="0.2">
      <c r="A23" s="189" t="s">
        <v>644</v>
      </c>
      <c r="B23" s="427">
        <v>10788000</v>
      </c>
      <c r="C23" s="427">
        <v>10788000</v>
      </c>
      <c r="D23" s="427">
        <v>8458027.4800000004</v>
      </c>
      <c r="E23" s="427">
        <v>8458027.4800000004</v>
      </c>
      <c r="F23" s="509">
        <v>2.2476301221045643</v>
      </c>
      <c r="G23" s="427">
        <v>2329972.5199999996</v>
      </c>
      <c r="H23" s="427">
        <v>1391341.51</v>
      </c>
      <c r="I23" s="427">
        <v>1391341.51</v>
      </c>
      <c r="J23" s="509">
        <v>0.72347133698561905</v>
      </c>
      <c r="K23" s="501">
        <v>9396658.4900000002</v>
      </c>
      <c r="L23" s="462">
        <v>0</v>
      </c>
    </row>
    <row r="24" spans="1:12" ht="10.5" x14ac:dyDescent="0.2">
      <c r="A24" s="189" t="s">
        <v>651</v>
      </c>
      <c r="B24" s="427">
        <v>15000</v>
      </c>
      <c r="C24" s="427">
        <v>15000</v>
      </c>
      <c r="D24" s="427">
        <v>0</v>
      </c>
      <c r="E24" s="427">
        <v>0</v>
      </c>
      <c r="F24" s="509">
        <v>0</v>
      </c>
      <c r="G24" s="427">
        <v>15000</v>
      </c>
      <c r="H24" s="427">
        <v>0</v>
      </c>
      <c r="I24" s="427">
        <v>0</v>
      </c>
      <c r="J24" s="509">
        <v>0</v>
      </c>
      <c r="K24" s="501">
        <v>15000</v>
      </c>
      <c r="L24" s="462">
        <v>0</v>
      </c>
    </row>
    <row r="25" spans="1:12" ht="10.5" x14ac:dyDescent="0.2">
      <c r="A25" s="189" t="s">
        <v>683</v>
      </c>
      <c r="B25" s="427">
        <v>26371100</v>
      </c>
      <c r="C25" s="427">
        <v>26371000</v>
      </c>
      <c r="D25" s="427">
        <v>3582257.2600000002</v>
      </c>
      <c r="E25" s="427">
        <v>3582257.2600000002</v>
      </c>
      <c r="F25" s="509">
        <v>0.95194646053618182</v>
      </c>
      <c r="G25" s="427">
        <v>22788742.739999998</v>
      </c>
      <c r="H25" s="427">
        <v>3582255.2600000002</v>
      </c>
      <c r="I25" s="427">
        <v>3582255.2600000002</v>
      </c>
      <c r="J25" s="509">
        <v>1.8627051545209532</v>
      </c>
      <c r="K25" s="501">
        <v>22788744.739999998</v>
      </c>
      <c r="L25" s="462">
        <v>0</v>
      </c>
    </row>
    <row r="26" spans="1:12" ht="10.5" x14ac:dyDescent="0.2">
      <c r="A26" s="189"/>
      <c r="B26" s="427"/>
      <c r="C26" s="427"/>
      <c r="D26" s="427"/>
      <c r="E26" s="427"/>
      <c r="F26" s="501"/>
      <c r="G26" s="427"/>
      <c r="H26" s="427"/>
      <c r="I26" s="427"/>
      <c r="J26" s="501"/>
      <c r="K26" s="462"/>
      <c r="L26" s="462"/>
    </row>
    <row r="27" spans="1:12" s="66" customFormat="1" ht="10.5" x14ac:dyDescent="0.2">
      <c r="A27" s="142" t="s">
        <v>645</v>
      </c>
      <c r="B27" s="425">
        <v>185668800</v>
      </c>
      <c r="C27" s="425">
        <v>192040723.34000003</v>
      </c>
      <c r="D27" s="425">
        <v>39316643.109999999</v>
      </c>
      <c r="E27" s="425">
        <v>39316643.109999999</v>
      </c>
      <c r="F27" s="506">
        <v>10.447976382558508</v>
      </c>
      <c r="G27" s="425">
        <v>152724080.23000005</v>
      </c>
      <c r="H27" s="425">
        <v>34627786.68</v>
      </c>
      <c r="I27" s="425">
        <v>34627786.68</v>
      </c>
      <c r="J27" s="506">
        <v>18.00579580654674</v>
      </c>
      <c r="K27" s="507">
        <v>157412936.66000003</v>
      </c>
      <c r="L27" s="319">
        <v>0</v>
      </c>
    </row>
    <row r="28" spans="1:12" ht="10.5" x14ac:dyDescent="0.2">
      <c r="A28" s="189" t="s">
        <v>647</v>
      </c>
      <c r="B28" s="427">
        <v>9752800</v>
      </c>
      <c r="C28" s="427">
        <v>16124723.34</v>
      </c>
      <c r="D28" s="427">
        <v>6386375.79</v>
      </c>
      <c r="E28" s="427">
        <v>6386375.79</v>
      </c>
      <c r="F28" s="509">
        <v>1.6971108962019275</v>
      </c>
      <c r="G28" s="427">
        <v>9738347.5500000007</v>
      </c>
      <c r="H28" s="427">
        <v>1697519.3599999996</v>
      </c>
      <c r="I28" s="427">
        <v>1697519.3599999996</v>
      </c>
      <c r="J28" s="509">
        <v>0.88267804281795048</v>
      </c>
      <c r="K28" s="501">
        <v>14427203.98</v>
      </c>
      <c r="L28" s="462">
        <v>0</v>
      </c>
    </row>
    <row r="29" spans="1:12" ht="10.5" x14ac:dyDescent="0.2">
      <c r="A29" s="189" t="s">
        <v>648</v>
      </c>
      <c r="B29" s="427">
        <v>175916000</v>
      </c>
      <c r="C29" s="427">
        <v>175916000.00000003</v>
      </c>
      <c r="D29" s="427">
        <v>32930267.32</v>
      </c>
      <c r="E29" s="427">
        <v>32930267.32</v>
      </c>
      <c r="F29" s="509">
        <v>8.7508654863565827</v>
      </c>
      <c r="G29" s="427">
        <v>142985732.68000004</v>
      </c>
      <c r="H29" s="427">
        <v>32930267.32</v>
      </c>
      <c r="I29" s="427">
        <v>32930267.32</v>
      </c>
      <c r="J29" s="509">
        <v>17.123117763728789</v>
      </c>
      <c r="K29" s="501">
        <v>142985732.68000004</v>
      </c>
      <c r="L29" s="462">
        <v>0</v>
      </c>
    </row>
    <row r="30" spans="1:12" ht="10.5" x14ac:dyDescent="0.2">
      <c r="A30" s="189" t="s">
        <v>649</v>
      </c>
      <c r="B30" s="427">
        <v>0</v>
      </c>
      <c r="C30" s="427">
        <v>0</v>
      </c>
      <c r="D30" s="427">
        <v>0</v>
      </c>
      <c r="E30" s="427">
        <v>0</v>
      </c>
      <c r="F30" s="509">
        <v>0</v>
      </c>
      <c r="G30" s="427">
        <v>0</v>
      </c>
      <c r="H30" s="427">
        <v>0</v>
      </c>
      <c r="I30" s="427">
        <v>0</v>
      </c>
      <c r="J30" s="509">
        <v>0</v>
      </c>
      <c r="K30" s="501">
        <v>0</v>
      </c>
      <c r="L30" s="462">
        <v>0</v>
      </c>
    </row>
    <row r="31" spans="1:12" ht="10.5" x14ac:dyDescent="0.2">
      <c r="A31" s="189" t="s">
        <v>650</v>
      </c>
      <c r="B31" s="427">
        <v>0</v>
      </c>
      <c r="C31" s="427">
        <v>0</v>
      </c>
      <c r="D31" s="427">
        <v>0</v>
      </c>
      <c r="E31" s="427">
        <v>0</v>
      </c>
      <c r="F31" s="509">
        <v>0</v>
      </c>
      <c r="G31" s="427">
        <v>0</v>
      </c>
      <c r="H31" s="427">
        <v>0</v>
      </c>
      <c r="I31" s="427">
        <v>0</v>
      </c>
      <c r="J31" s="509">
        <v>0</v>
      </c>
      <c r="K31" s="501">
        <v>0</v>
      </c>
      <c r="L31" s="462">
        <v>0</v>
      </c>
    </row>
    <row r="32" spans="1:12" ht="10.5" x14ac:dyDescent="0.2">
      <c r="A32" s="189"/>
      <c r="B32" s="427"/>
      <c r="C32" s="427"/>
      <c r="D32" s="427"/>
      <c r="E32" s="427"/>
      <c r="F32" s="501"/>
      <c r="G32" s="427"/>
      <c r="H32" s="427"/>
      <c r="I32" s="427"/>
      <c r="J32" s="501"/>
      <c r="K32" s="462"/>
      <c r="L32" s="462"/>
    </row>
    <row r="33" spans="1:12" s="66" customFormat="1" ht="10.5" x14ac:dyDescent="0.2">
      <c r="A33" s="142" t="s">
        <v>654</v>
      </c>
      <c r="B33" s="425">
        <v>252376000</v>
      </c>
      <c r="C33" s="425">
        <v>256202285.67000002</v>
      </c>
      <c r="D33" s="425">
        <v>69587514.039999977</v>
      </c>
      <c r="E33" s="425">
        <v>69587514.039999977</v>
      </c>
      <c r="F33" s="506">
        <v>18.492135790350755</v>
      </c>
      <c r="G33" s="425">
        <v>186614771.63000005</v>
      </c>
      <c r="H33" s="425">
        <v>55315861.209999993</v>
      </c>
      <c r="I33" s="425">
        <v>55315861.209999993</v>
      </c>
      <c r="J33" s="506">
        <v>28.763204273341657</v>
      </c>
      <c r="K33" s="507">
        <v>200886424.46000004</v>
      </c>
      <c r="L33" s="319">
        <v>0</v>
      </c>
    </row>
    <row r="34" spans="1:12" ht="10.5" x14ac:dyDescent="0.2">
      <c r="A34" s="189" t="s">
        <v>655</v>
      </c>
      <c r="B34" s="427">
        <v>252376000</v>
      </c>
      <c r="C34" s="427">
        <v>256202285.67000002</v>
      </c>
      <c r="D34" s="427">
        <v>69587514.039999977</v>
      </c>
      <c r="E34" s="427">
        <v>69587514.039999977</v>
      </c>
      <c r="F34" s="509">
        <v>18.492135790350755</v>
      </c>
      <c r="G34" s="427">
        <v>186614771.63000005</v>
      </c>
      <c r="H34" s="427">
        <v>55315861.209999993</v>
      </c>
      <c r="I34" s="427">
        <v>55315861.209999993</v>
      </c>
      <c r="J34" s="509">
        <v>28.763204273341657</v>
      </c>
      <c r="K34" s="501">
        <v>200886424.46000004</v>
      </c>
      <c r="L34" s="462">
        <v>0</v>
      </c>
    </row>
    <row r="35" spans="1:12" ht="10.5" x14ac:dyDescent="0.2">
      <c r="A35" s="189"/>
      <c r="B35" s="427"/>
      <c r="C35" s="427"/>
      <c r="D35" s="427"/>
      <c r="E35" s="427"/>
      <c r="F35" s="501"/>
      <c r="G35" s="427"/>
      <c r="H35" s="427"/>
      <c r="I35" s="427"/>
      <c r="J35" s="501"/>
      <c r="K35" s="462"/>
      <c r="L35" s="462"/>
    </row>
    <row r="36" spans="1:12" s="66" customFormat="1" ht="10.5" x14ac:dyDescent="0.2">
      <c r="A36" s="142" t="s">
        <v>657</v>
      </c>
      <c r="B36" s="425">
        <v>5315500</v>
      </c>
      <c r="C36" s="425">
        <v>5315500</v>
      </c>
      <c r="D36" s="425">
        <v>830447.55</v>
      </c>
      <c r="E36" s="425">
        <v>830447.55</v>
      </c>
      <c r="F36" s="506">
        <v>0.22068253296901513</v>
      </c>
      <c r="G36" s="425">
        <v>4485052.45</v>
      </c>
      <c r="H36" s="425">
        <v>830447.55</v>
      </c>
      <c r="I36" s="425">
        <v>830447.55</v>
      </c>
      <c r="J36" s="506">
        <v>0.43181705927463609</v>
      </c>
      <c r="K36" s="507">
        <v>4485052.45</v>
      </c>
      <c r="L36" s="319">
        <v>0</v>
      </c>
    </row>
    <row r="37" spans="1:12" ht="10.5" x14ac:dyDescent="0.2">
      <c r="A37" s="189" t="s">
        <v>658</v>
      </c>
      <c r="B37" s="427">
        <v>5315500</v>
      </c>
      <c r="C37" s="427">
        <v>5315500</v>
      </c>
      <c r="D37" s="427">
        <v>830447.55</v>
      </c>
      <c r="E37" s="427">
        <v>830447.55</v>
      </c>
      <c r="F37" s="509">
        <v>0.22068253296901513</v>
      </c>
      <c r="G37" s="427">
        <v>4485052.45</v>
      </c>
      <c r="H37" s="427">
        <v>830447.55</v>
      </c>
      <c r="I37" s="427">
        <v>830447.55</v>
      </c>
      <c r="J37" s="509">
        <v>0.43181705927463609</v>
      </c>
      <c r="K37" s="501">
        <v>4485052.45</v>
      </c>
      <c r="L37" s="462">
        <v>0</v>
      </c>
    </row>
    <row r="38" spans="1:12" ht="10.5" x14ac:dyDescent="0.2">
      <c r="A38" s="189"/>
      <c r="B38" s="427"/>
      <c r="C38" s="427"/>
      <c r="D38" s="427"/>
      <c r="E38" s="427"/>
      <c r="F38" s="501"/>
      <c r="G38" s="427"/>
      <c r="H38" s="427"/>
      <c r="I38" s="427"/>
      <c r="J38" s="501"/>
      <c r="K38" s="462"/>
      <c r="L38" s="462"/>
    </row>
    <row r="39" spans="1:12" s="66" customFormat="1" ht="10.5" x14ac:dyDescent="0.2">
      <c r="A39" s="142" t="s">
        <v>659</v>
      </c>
      <c r="B39" s="425">
        <v>0</v>
      </c>
      <c r="C39" s="425">
        <v>0</v>
      </c>
      <c r="D39" s="425">
        <v>0</v>
      </c>
      <c r="E39" s="425">
        <v>0</v>
      </c>
      <c r="F39" s="506">
        <v>0</v>
      </c>
      <c r="G39" s="425">
        <v>0</v>
      </c>
      <c r="H39" s="425">
        <v>0</v>
      </c>
      <c r="I39" s="425">
        <v>0</v>
      </c>
      <c r="J39" s="506">
        <v>0</v>
      </c>
      <c r="K39" s="507">
        <v>0</v>
      </c>
      <c r="L39" s="319">
        <v>0</v>
      </c>
    </row>
    <row r="40" spans="1:12" ht="10.5" x14ac:dyDescent="0.2">
      <c r="A40" s="189" t="s">
        <v>660</v>
      </c>
      <c r="B40" s="427">
        <v>0</v>
      </c>
      <c r="C40" s="427">
        <v>0</v>
      </c>
      <c r="D40" s="427">
        <v>0</v>
      </c>
      <c r="E40" s="427">
        <v>0</v>
      </c>
      <c r="F40" s="509">
        <v>0</v>
      </c>
      <c r="G40" s="427">
        <v>0</v>
      </c>
      <c r="H40" s="427">
        <v>0</v>
      </c>
      <c r="I40" s="427">
        <v>0</v>
      </c>
      <c r="J40" s="509">
        <v>0</v>
      </c>
      <c r="K40" s="501">
        <v>0</v>
      </c>
      <c r="L40" s="462">
        <v>0</v>
      </c>
    </row>
    <row r="41" spans="1:12" ht="10.5" x14ac:dyDescent="0.2">
      <c r="A41" s="189"/>
      <c r="B41" s="427"/>
      <c r="C41" s="427"/>
      <c r="D41" s="427"/>
      <c r="E41" s="427"/>
      <c r="F41" s="501"/>
      <c r="G41" s="427"/>
      <c r="H41" s="427"/>
      <c r="I41" s="427"/>
      <c r="J41" s="501"/>
      <c r="K41" s="462"/>
      <c r="L41" s="462"/>
    </row>
    <row r="42" spans="1:12" s="66" customFormat="1" ht="10.5" x14ac:dyDescent="0.2">
      <c r="A42" s="142" t="s">
        <v>661</v>
      </c>
      <c r="B42" s="425">
        <v>22005000</v>
      </c>
      <c r="C42" s="425">
        <v>41497500</v>
      </c>
      <c r="D42" s="425">
        <v>8038600.1200000001</v>
      </c>
      <c r="E42" s="425">
        <v>8038600.1200000001</v>
      </c>
      <c r="F42" s="506">
        <v>2.1361717979740313</v>
      </c>
      <c r="G42" s="425">
        <v>33458899.880000003</v>
      </c>
      <c r="H42" s="425">
        <v>8011130.5799999991</v>
      </c>
      <c r="I42" s="425">
        <v>8011130.5799999991</v>
      </c>
      <c r="J42" s="506">
        <v>4.165636768415669</v>
      </c>
      <c r="K42" s="507">
        <v>33486369.420000002</v>
      </c>
      <c r="L42" s="319">
        <v>0</v>
      </c>
    </row>
    <row r="43" spans="1:12" ht="10.5" x14ac:dyDescent="0.2">
      <c r="A43" s="189" t="s">
        <v>647</v>
      </c>
      <c r="B43" s="427">
        <v>0</v>
      </c>
      <c r="C43" s="427">
        <v>19492500</v>
      </c>
      <c r="D43" s="427">
        <v>4248126.17</v>
      </c>
      <c r="E43" s="427">
        <v>4248126.17</v>
      </c>
      <c r="F43" s="509">
        <v>1.1288939844154648</v>
      </c>
      <c r="G43" s="427">
        <v>15244373.83</v>
      </c>
      <c r="H43" s="427">
        <v>4221575.669999999</v>
      </c>
      <c r="I43" s="427">
        <v>4221575.669999999</v>
      </c>
      <c r="J43" s="509">
        <v>2.1951397066855711</v>
      </c>
      <c r="K43" s="501">
        <v>15270924.330000002</v>
      </c>
      <c r="L43" s="462">
        <v>0</v>
      </c>
    </row>
    <row r="44" spans="1:12" ht="10.5" x14ac:dyDescent="0.2">
      <c r="A44" s="189" t="s">
        <v>651</v>
      </c>
      <c r="B44" s="427">
        <v>0</v>
      </c>
      <c r="C44" s="427">
        <v>0</v>
      </c>
      <c r="D44" s="427">
        <v>0</v>
      </c>
      <c r="E44" s="427">
        <v>0</v>
      </c>
      <c r="F44" s="509">
        <v>0</v>
      </c>
      <c r="G44" s="427">
        <v>0</v>
      </c>
      <c r="H44" s="427">
        <v>0</v>
      </c>
      <c r="I44" s="427">
        <v>0</v>
      </c>
      <c r="J44" s="509">
        <v>0</v>
      </c>
      <c r="K44" s="501">
        <v>0</v>
      </c>
      <c r="L44" s="462">
        <v>0</v>
      </c>
    </row>
    <row r="45" spans="1:12" ht="10.5" x14ac:dyDescent="0.2">
      <c r="A45" s="189" t="s">
        <v>664</v>
      </c>
      <c r="B45" s="427">
        <v>22000000</v>
      </c>
      <c r="C45" s="427">
        <v>22000000</v>
      </c>
      <c r="D45" s="427">
        <v>3790473.95</v>
      </c>
      <c r="E45" s="427">
        <v>3790473.95</v>
      </c>
      <c r="F45" s="509">
        <v>1.0072778135585663</v>
      </c>
      <c r="G45" s="427">
        <v>18209526.050000001</v>
      </c>
      <c r="H45" s="427">
        <v>3789554.91</v>
      </c>
      <c r="I45" s="427">
        <v>3789554.91</v>
      </c>
      <c r="J45" s="509">
        <v>1.9704970617300976</v>
      </c>
      <c r="K45" s="501">
        <v>18210445.09</v>
      </c>
      <c r="L45" s="462">
        <v>0</v>
      </c>
    </row>
    <row r="46" spans="1:12" ht="10.5" x14ac:dyDescent="0.2">
      <c r="A46" s="189" t="s">
        <v>754</v>
      </c>
      <c r="B46" s="427">
        <v>5000</v>
      </c>
      <c r="C46" s="427">
        <v>5000</v>
      </c>
      <c r="D46" s="427">
        <v>0</v>
      </c>
      <c r="E46" s="427">
        <v>0</v>
      </c>
      <c r="F46" s="509">
        <v>0</v>
      </c>
      <c r="G46" s="427">
        <v>5000</v>
      </c>
      <c r="H46" s="427">
        <v>0</v>
      </c>
      <c r="I46" s="427">
        <v>0</v>
      </c>
      <c r="J46" s="509">
        <v>0</v>
      </c>
      <c r="K46" s="501">
        <v>5000</v>
      </c>
      <c r="L46" s="462">
        <v>0</v>
      </c>
    </row>
    <row r="47" spans="1:12" ht="10.5" x14ac:dyDescent="0.2">
      <c r="A47" s="189" t="s">
        <v>666</v>
      </c>
      <c r="B47" s="427">
        <v>0</v>
      </c>
      <c r="C47" s="427">
        <v>0</v>
      </c>
      <c r="D47" s="427">
        <v>0</v>
      </c>
      <c r="E47" s="427">
        <v>0</v>
      </c>
      <c r="F47" s="509">
        <v>0</v>
      </c>
      <c r="G47" s="427">
        <v>0</v>
      </c>
      <c r="H47" s="427">
        <v>0</v>
      </c>
      <c r="I47" s="427">
        <v>0</v>
      </c>
      <c r="J47" s="509">
        <v>0</v>
      </c>
      <c r="K47" s="501">
        <v>0</v>
      </c>
      <c r="L47" s="462">
        <v>0</v>
      </c>
    </row>
    <row r="48" spans="1:12" s="264" customFormat="1" ht="10.5" x14ac:dyDescent="0.2">
      <c r="A48" s="189" t="s">
        <v>797</v>
      </c>
      <c r="B48" s="427">
        <v>0</v>
      </c>
      <c r="C48" s="427">
        <v>0</v>
      </c>
      <c r="D48" s="427">
        <v>0</v>
      </c>
      <c r="E48" s="427">
        <v>0</v>
      </c>
      <c r="F48" s="509">
        <v>0</v>
      </c>
      <c r="G48" s="427">
        <v>0</v>
      </c>
      <c r="H48" s="427">
        <v>0</v>
      </c>
      <c r="I48" s="427">
        <v>0</v>
      </c>
      <c r="J48" s="510">
        <v>0</v>
      </c>
      <c r="K48" s="501">
        <v>0</v>
      </c>
      <c r="L48" s="462">
        <v>0</v>
      </c>
    </row>
    <row r="49" spans="1:12" ht="12.75" x14ac:dyDescent="0.2">
      <c r="A49" s="189"/>
      <c r="B49" s="427"/>
      <c r="C49" s="427"/>
      <c r="D49" s="427"/>
      <c r="E49" s="427"/>
      <c r="F49" s="349"/>
      <c r="G49" s="427"/>
      <c r="H49" s="427"/>
      <c r="I49" s="427"/>
      <c r="J49" s="349"/>
      <c r="K49" s="501"/>
      <c r="L49" s="462"/>
    </row>
    <row r="50" spans="1:12" s="66" customFormat="1" ht="10.5" x14ac:dyDescent="0.2">
      <c r="A50" s="142" t="s">
        <v>662</v>
      </c>
      <c r="B50" s="425">
        <v>797000</v>
      </c>
      <c r="C50" s="425">
        <v>797000</v>
      </c>
      <c r="D50" s="425">
        <v>160667.46</v>
      </c>
      <c r="E50" s="425">
        <v>160667.46</v>
      </c>
      <c r="F50" s="506">
        <v>4.2695654937506794E-2</v>
      </c>
      <c r="G50" s="425">
        <v>636332.54</v>
      </c>
      <c r="H50" s="425">
        <v>160667.46</v>
      </c>
      <c r="I50" s="425">
        <v>160667.46</v>
      </c>
      <c r="J50" s="506">
        <v>8.3544048144070279E-2</v>
      </c>
      <c r="K50" s="507">
        <v>636332.54</v>
      </c>
      <c r="L50" s="319">
        <v>0</v>
      </c>
    </row>
    <row r="51" spans="1:12" ht="10.5" x14ac:dyDescent="0.2">
      <c r="A51" s="189" t="s">
        <v>748</v>
      </c>
      <c r="B51" s="427">
        <v>797000</v>
      </c>
      <c r="C51" s="427">
        <v>797000</v>
      </c>
      <c r="D51" s="427">
        <v>160667.46</v>
      </c>
      <c r="E51" s="427">
        <v>160667.46</v>
      </c>
      <c r="F51" s="509">
        <v>4.2695654937506794E-2</v>
      </c>
      <c r="G51" s="427">
        <v>636332.54</v>
      </c>
      <c r="H51" s="427">
        <v>160667.46</v>
      </c>
      <c r="I51" s="427">
        <v>160667.46</v>
      </c>
      <c r="J51" s="509">
        <v>8.3544048144070279E-2</v>
      </c>
      <c r="K51" s="501">
        <v>636332.54</v>
      </c>
      <c r="L51" s="462">
        <v>0</v>
      </c>
    </row>
    <row r="52" spans="1:12" ht="10.5" x14ac:dyDescent="0.2">
      <c r="A52" s="189"/>
      <c r="B52" s="427"/>
      <c r="C52" s="427"/>
      <c r="D52" s="427"/>
      <c r="E52" s="427"/>
      <c r="F52" s="501"/>
      <c r="G52" s="427"/>
      <c r="H52" s="427"/>
      <c r="I52" s="427"/>
      <c r="J52" s="501"/>
      <c r="K52" s="462"/>
      <c r="L52" s="462"/>
    </row>
    <row r="53" spans="1:12" s="66" customFormat="1" ht="10.5" x14ac:dyDescent="0.2">
      <c r="A53" s="142" t="s">
        <v>678</v>
      </c>
      <c r="B53" s="425">
        <v>220126800</v>
      </c>
      <c r="C53" s="425">
        <v>222127100</v>
      </c>
      <c r="D53" s="425">
        <v>52310124.640000001</v>
      </c>
      <c r="E53" s="425">
        <v>52310124.640000001</v>
      </c>
      <c r="F53" s="506">
        <v>13.900854792671844</v>
      </c>
      <c r="G53" s="425">
        <v>169816975.36000001</v>
      </c>
      <c r="H53" s="425">
        <v>46423745.069999993</v>
      </c>
      <c r="I53" s="425">
        <v>46423745.069999993</v>
      </c>
      <c r="J53" s="506">
        <v>24.139471633871139</v>
      </c>
      <c r="K53" s="507">
        <v>175703354.93000001</v>
      </c>
      <c r="L53" s="319">
        <v>0</v>
      </c>
    </row>
    <row r="54" spans="1:12" ht="10.5" x14ac:dyDescent="0.2">
      <c r="A54" s="188" t="s">
        <v>647</v>
      </c>
      <c r="B54" s="427">
        <v>220126800</v>
      </c>
      <c r="C54" s="427">
        <v>222127100</v>
      </c>
      <c r="D54" s="427">
        <v>52310124.640000001</v>
      </c>
      <c r="E54" s="427">
        <v>52310124.640000001</v>
      </c>
      <c r="F54" s="509">
        <v>13.900854792671844</v>
      </c>
      <c r="G54" s="427">
        <v>169816975.36000001</v>
      </c>
      <c r="H54" s="427">
        <v>46423745.069999993</v>
      </c>
      <c r="I54" s="427">
        <v>46423745.069999993</v>
      </c>
      <c r="J54" s="509">
        <v>24.139471633871139</v>
      </c>
      <c r="K54" s="501">
        <v>175703354.93000001</v>
      </c>
      <c r="L54" s="462">
        <v>0</v>
      </c>
    </row>
    <row r="55" spans="1:12" ht="10.5" x14ac:dyDescent="0.2">
      <c r="A55" s="189" t="s">
        <v>671</v>
      </c>
      <c r="B55" s="427">
        <v>0</v>
      </c>
      <c r="C55" s="427">
        <v>0</v>
      </c>
      <c r="D55" s="427">
        <v>0</v>
      </c>
      <c r="E55" s="427">
        <v>0</v>
      </c>
      <c r="F55" s="509">
        <v>0</v>
      </c>
      <c r="G55" s="427">
        <v>0</v>
      </c>
      <c r="H55" s="427">
        <v>0</v>
      </c>
      <c r="I55" s="427">
        <v>0</v>
      </c>
      <c r="J55" s="509">
        <v>0</v>
      </c>
      <c r="K55" s="501">
        <v>0</v>
      </c>
      <c r="L55" s="462">
        <v>0</v>
      </c>
    </row>
    <row r="56" spans="1:12" ht="10.5" x14ac:dyDescent="0.2">
      <c r="A56" s="189" t="s">
        <v>746</v>
      </c>
      <c r="B56" s="427">
        <v>0</v>
      </c>
      <c r="C56" s="427">
        <v>0</v>
      </c>
      <c r="D56" s="427">
        <v>0</v>
      </c>
      <c r="E56" s="427">
        <v>0</v>
      </c>
      <c r="F56" s="509">
        <v>0</v>
      </c>
      <c r="G56" s="427">
        <v>0</v>
      </c>
      <c r="H56" s="427">
        <v>0</v>
      </c>
      <c r="I56" s="427">
        <v>0</v>
      </c>
      <c r="J56" s="509">
        <v>0</v>
      </c>
      <c r="K56" s="501">
        <v>0</v>
      </c>
      <c r="L56" s="462">
        <v>0</v>
      </c>
    </row>
    <row r="57" spans="1:12" ht="10.5" x14ac:dyDescent="0.2">
      <c r="A57" s="415" t="s">
        <v>676</v>
      </c>
      <c r="B57" s="427">
        <v>0</v>
      </c>
      <c r="C57" s="427">
        <v>0</v>
      </c>
      <c r="D57" s="427">
        <v>0</v>
      </c>
      <c r="E57" s="427">
        <v>0</v>
      </c>
      <c r="F57" s="320">
        <v>0</v>
      </c>
      <c r="G57" s="427">
        <v>0</v>
      </c>
      <c r="H57" s="427">
        <v>0</v>
      </c>
      <c r="I57" s="427">
        <v>0</v>
      </c>
      <c r="J57" s="320">
        <v>0</v>
      </c>
      <c r="K57" s="501">
        <v>0</v>
      </c>
      <c r="L57" s="462">
        <v>0</v>
      </c>
    </row>
    <row r="58" spans="1:12" s="264" customFormat="1" ht="10.5" x14ac:dyDescent="0.2">
      <c r="A58" s="415"/>
      <c r="B58" s="427"/>
      <c r="C58" s="427"/>
      <c r="D58" s="427"/>
      <c r="E58" s="427"/>
      <c r="F58" s="501"/>
      <c r="G58" s="427"/>
      <c r="H58" s="427"/>
      <c r="I58" s="427"/>
      <c r="J58" s="501"/>
      <c r="K58" s="462"/>
      <c r="L58" s="462"/>
    </row>
    <row r="59" spans="1:12" s="66" customFormat="1" ht="10.5" x14ac:dyDescent="0.2">
      <c r="A59" s="142" t="s">
        <v>679</v>
      </c>
      <c r="B59" s="425">
        <v>1081000</v>
      </c>
      <c r="C59" s="425">
        <v>1081000</v>
      </c>
      <c r="D59" s="425">
        <v>965989.5</v>
      </c>
      <c r="E59" s="425">
        <v>965989.5</v>
      </c>
      <c r="F59" s="506">
        <v>0.25670135300112867</v>
      </c>
      <c r="G59" s="425">
        <v>115010.5</v>
      </c>
      <c r="H59" s="425">
        <v>166488.38999999998</v>
      </c>
      <c r="I59" s="425">
        <v>166488.38999999998</v>
      </c>
      <c r="J59" s="506">
        <v>8.6570821929896388E-2</v>
      </c>
      <c r="K59" s="507">
        <v>914511.61</v>
      </c>
      <c r="L59" s="319">
        <v>0</v>
      </c>
    </row>
    <row r="60" spans="1:12" ht="10.5" x14ac:dyDescent="0.2">
      <c r="A60" s="189" t="s">
        <v>680</v>
      </c>
      <c r="B60" s="427">
        <v>1081000</v>
      </c>
      <c r="C60" s="427">
        <v>1081000</v>
      </c>
      <c r="D60" s="427">
        <v>965989.5</v>
      </c>
      <c r="E60" s="427">
        <v>965989.5</v>
      </c>
      <c r="F60" s="509">
        <v>0.25670135300112867</v>
      </c>
      <c r="G60" s="427">
        <v>115010.5</v>
      </c>
      <c r="H60" s="427">
        <v>166488.38999999998</v>
      </c>
      <c r="I60" s="427">
        <v>166488.38999999998</v>
      </c>
      <c r="J60" s="509">
        <v>8.6570821929896388E-2</v>
      </c>
      <c r="K60" s="501">
        <v>914511.61</v>
      </c>
      <c r="L60" s="462">
        <v>0</v>
      </c>
    </row>
    <row r="61" spans="1:12" ht="10.5" x14ac:dyDescent="0.2">
      <c r="A61" s="189"/>
      <c r="B61" s="427"/>
      <c r="C61" s="427"/>
      <c r="D61" s="427"/>
      <c r="E61" s="427"/>
      <c r="F61" s="501"/>
      <c r="G61" s="427"/>
      <c r="H61" s="427"/>
      <c r="I61" s="427"/>
      <c r="J61" s="501"/>
      <c r="K61" s="462"/>
      <c r="L61" s="462"/>
    </row>
    <row r="62" spans="1:12" s="66" customFormat="1" ht="10.5" x14ac:dyDescent="0.2">
      <c r="A62" s="142" t="s">
        <v>681</v>
      </c>
      <c r="B62" s="425">
        <v>7917500</v>
      </c>
      <c r="C62" s="425">
        <v>9277927</v>
      </c>
      <c r="D62" s="425">
        <v>5646909.4700000007</v>
      </c>
      <c r="E62" s="425">
        <v>5646909.4700000007</v>
      </c>
      <c r="F62" s="506">
        <v>1.5006056496720581</v>
      </c>
      <c r="G62" s="425">
        <v>3631017.5299999993</v>
      </c>
      <c r="H62" s="425">
        <v>4748825.68</v>
      </c>
      <c r="I62" s="425">
        <v>4748825.68</v>
      </c>
      <c r="J62" s="506">
        <v>2.469299765103135</v>
      </c>
      <c r="K62" s="507">
        <v>4529101.32</v>
      </c>
      <c r="L62" s="319">
        <v>0</v>
      </c>
    </row>
    <row r="63" spans="1:12" ht="10.5" x14ac:dyDescent="0.2">
      <c r="A63" s="189" t="s">
        <v>652</v>
      </c>
      <c r="B63" s="427">
        <v>408500</v>
      </c>
      <c r="C63" s="427">
        <v>426500</v>
      </c>
      <c r="D63" s="427">
        <v>346500</v>
      </c>
      <c r="E63" s="427">
        <v>346500</v>
      </c>
      <c r="F63" s="509">
        <v>9.2078660083666622E-2</v>
      </c>
      <c r="G63" s="427">
        <v>80000</v>
      </c>
      <c r="H63" s="427">
        <v>62697.42</v>
      </c>
      <c r="I63" s="427">
        <v>62697.42</v>
      </c>
      <c r="J63" s="509">
        <v>3.2601475588081089E-2</v>
      </c>
      <c r="K63" s="501">
        <v>363802.58</v>
      </c>
      <c r="L63" s="462">
        <v>0</v>
      </c>
    </row>
    <row r="64" spans="1:12" ht="10.5" x14ac:dyDescent="0.2">
      <c r="A64" s="45" t="s">
        <v>682</v>
      </c>
      <c r="B64" s="427">
        <v>7509000</v>
      </c>
      <c r="C64" s="427">
        <v>8851427</v>
      </c>
      <c r="D64" s="427">
        <v>5300409.4700000007</v>
      </c>
      <c r="E64" s="427">
        <v>5300409.4700000007</v>
      </c>
      <c r="F64" s="509">
        <v>1.4085269895883914</v>
      </c>
      <c r="G64" s="427">
        <v>3551017.5299999993</v>
      </c>
      <c r="H64" s="427">
        <v>4686128.26</v>
      </c>
      <c r="I64" s="427">
        <v>4686128.26</v>
      </c>
      <c r="J64" s="509">
        <v>2.436698289515054</v>
      </c>
      <c r="K64" s="501">
        <v>4165298.74</v>
      </c>
      <c r="L64" s="462">
        <v>0</v>
      </c>
    </row>
    <row r="65" spans="1:12" ht="10.5" x14ac:dyDescent="0.2">
      <c r="A65" s="189" t="s">
        <v>683</v>
      </c>
      <c r="B65" s="427">
        <v>0</v>
      </c>
      <c r="C65" s="427">
        <v>0</v>
      </c>
      <c r="D65" s="427">
        <v>0</v>
      </c>
      <c r="E65" s="427">
        <v>0</v>
      </c>
      <c r="F65" s="509">
        <v>0</v>
      </c>
      <c r="G65" s="427">
        <v>0</v>
      </c>
      <c r="H65" s="427">
        <v>0</v>
      </c>
      <c r="I65" s="427">
        <v>0</v>
      </c>
      <c r="J65" s="509">
        <v>0</v>
      </c>
      <c r="K65" s="501">
        <v>0</v>
      </c>
      <c r="L65" s="462">
        <v>0</v>
      </c>
    </row>
    <row r="66" spans="1:12" ht="10.5" x14ac:dyDescent="0.2">
      <c r="A66" s="189"/>
      <c r="B66" s="427"/>
      <c r="C66" s="427"/>
      <c r="D66" s="427"/>
      <c r="E66" s="427"/>
      <c r="F66" s="501"/>
      <c r="G66" s="427"/>
      <c r="H66" s="427"/>
      <c r="I66" s="427"/>
      <c r="J66" s="501"/>
      <c r="K66" s="462"/>
      <c r="L66" s="462"/>
    </row>
    <row r="67" spans="1:12" s="66" customFormat="1" ht="10.5" x14ac:dyDescent="0.2">
      <c r="A67" s="142" t="s">
        <v>688</v>
      </c>
      <c r="B67" s="425">
        <v>593500</v>
      </c>
      <c r="C67" s="425">
        <v>593500</v>
      </c>
      <c r="D67" s="425">
        <v>518500</v>
      </c>
      <c r="E67" s="425">
        <v>518500</v>
      </c>
      <c r="F67" s="506">
        <v>0.13778581602707402</v>
      </c>
      <c r="G67" s="425">
        <v>75000</v>
      </c>
      <c r="H67" s="425">
        <v>135027.81</v>
      </c>
      <c r="I67" s="425">
        <v>135027.81</v>
      </c>
      <c r="J67" s="506">
        <v>7.0211913846328161E-2</v>
      </c>
      <c r="K67" s="507">
        <v>458472.19</v>
      </c>
      <c r="L67" s="319">
        <v>0</v>
      </c>
    </row>
    <row r="68" spans="1:12" ht="10.5" x14ac:dyDescent="0.2">
      <c r="A68" s="189" t="s">
        <v>647</v>
      </c>
      <c r="B68" s="427">
        <v>593500</v>
      </c>
      <c r="C68" s="427">
        <v>593500</v>
      </c>
      <c r="D68" s="427">
        <v>518500</v>
      </c>
      <c r="E68" s="427">
        <v>518500</v>
      </c>
      <c r="F68" s="509">
        <v>0.13778581602707402</v>
      </c>
      <c r="G68" s="427">
        <v>75000</v>
      </c>
      <c r="H68" s="427">
        <v>135027.81</v>
      </c>
      <c r="I68" s="427">
        <v>135027.81</v>
      </c>
      <c r="J68" s="509">
        <v>7.0211913846328161E-2</v>
      </c>
      <c r="K68" s="501">
        <v>458472.19</v>
      </c>
      <c r="L68" s="462">
        <v>0</v>
      </c>
    </row>
    <row r="69" spans="1:12" ht="10.5" x14ac:dyDescent="0.2">
      <c r="A69" s="189" t="s">
        <v>689</v>
      </c>
      <c r="B69" s="427">
        <v>0</v>
      </c>
      <c r="C69" s="427">
        <v>0</v>
      </c>
      <c r="D69" s="427">
        <v>0</v>
      </c>
      <c r="E69" s="427">
        <v>0</v>
      </c>
      <c r="F69" s="509">
        <v>0</v>
      </c>
      <c r="G69" s="427">
        <v>0</v>
      </c>
      <c r="H69" s="427">
        <v>0</v>
      </c>
      <c r="I69" s="427">
        <v>0</v>
      </c>
      <c r="J69" s="509">
        <v>0</v>
      </c>
      <c r="K69" s="501">
        <v>0</v>
      </c>
      <c r="L69" s="462">
        <v>0</v>
      </c>
    </row>
    <row r="70" spans="1:12" ht="10.5" x14ac:dyDescent="0.2">
      <c r="A70" s="189"/>
      <c r="B70" s="427"/>
      <c r="C70" s="427"/>
      <c r="D70" s="427"/>
      <c r="E70" s="427"/>
      <c r="F70" s="501"/>
      <c r="G70" s="427"/>
      <c r="H70" s="427"/>
      <c r="I70" s="427"/>
      <c r="J70" s="501"/>
      <c r="K70" s="462"/>
      <c r="L70" s="462"/>
    </row>
    <row r="71" spans="1:12" s="66" customFormat="1" ht="10.5" x14ac:dyDescent="0.2">
      <c r="A71" s="142" t="s">
        <v>692</v>
      </c>
      <c r="B71" s="425">
        <v>6387700</v>
      </c>
      <c r="C71" s="425">
        <v>6387700</v>
      </c>
      <c r="D71" s="425">
        <v>695270.85</v>
      </c>
      <c r="E71" s="425">
        <v>695270.85</v>
      </c>
      <c r="F71" s="506">
        <v>0.18476077420846165</v>
      </c>
      <c r="G71" s="425">
        <v>5692429.1500000004</v>
      </c>
      <c r="H71" s="425">
        <v>607327.99</v>
      </c>
      <c r="I71" s="425">
        <v>607327.99</v>
      </c>
      <c r="J71" s="506">
        <v>0.31579909731442474</v>
      </c>
      <c r="K71" s="507">
        <v>5780372.0099999998</v>
      </c>
      <c r="L71" s="319">
        <v>0</v>
      </c>
    </row>
    <row r="72" spans="1:12" ht="10.5" x14ac:dyDescent="0.2">
      <c r="A72" s="414" t="s">
        <v>647</v>
      </c>
      <c r="B72" s="427">
        <v>6387700</v>
      </c>
      <c r="C72" s="427">
        <v>6387700</v>
      </c>
      <c r="D72" s="427">
        <v>695270.85</v>
      </c>
      <c r="E72" s="427">
        <v>695270.85</v>
      </c>
      <c r="F72" s="509">
        <v>0.18476077420846165</v>
      </c>
      <c r="G72" s="427">
        <v>5692429.1500000004</v>
      </c>
      <c r="H72" s="427">
        <v>607327.99</v>
      </c>
      <c r="I72" s="427">
        <v>607327.99</v>
      </c>
      <c r="J72" s="509">
        <v>0.31579909731442474</v>
      </c>
      <c r="K72" s="501">
        <v>5780372.0099999998</v>
      </c>
      <c r="L72" s="462">
        <v>0</v>
      </c>
    </row>
    <row r="73" spans="1:12" ht="10.5" x14ac:dyDescent="0.2">
      <c r="A73" s="189"/>
      <c r="B73" s="427"/>
      <c r="C73" s="427"/>
      <c r="D73" s="427"/>
      <c r="E73" s="427"/>
      <c r="F73" s="501"/>
      <c r="G73" s="427"/>
      <c r="H73" s="427"/>
      <c r="I73" s="427"/>
      <c r="J73" s="501"/>
      <c r="K73" s="462"/>
      <c r="L73" s="462"/>
    </row>
    <row r="74" spans="1:12" s="66" customFormat="1" ht="10.5" x14ac:dyDescent="0.2">
      <c r="A74" s="142" t="s">
        <v>698</v>
      </c>
      <c r="B74" s="425">
        <v>0</v>
      </c>
      <c r="C74" s="425">
        <v>0</v>
      </c>
      <c r="D74" s="425">
        <v>0</v>
      </c>
      <c r="E74" s="425">
        <v>0</v>
      </c>
      <c r="F74" s="506">
        <v>0</v>
      </c>
      <c r="G74" s="425">
        <v>0</v>
      </c>
      <c r="H74" s="425">
        <v>0</v>
      </c>
      <c r="I74" s="425">
        <v>0</v>
      </c>
      <c r="J74" s="506">
        <v>0</v>
      </c>
      <c r="K74" s="507">
        <v>0</v>
      </c>
      <c r="L74" s="319">
        <v>0</v>
      </c>
    </row>
    <row r="75" spans="1:12" ht="10.5" x14ac:dyDescent="0.2">
      <c r="A75" s="189" t="s">
        <v>699</v>
      </c>
      <c r="B75" s="427">
        <v>0</v>
      </c>
      <c r="C75" s="427"/>
      <c r="D75" s="427">
        <v>0</v>
      </c>
      <c r="E75" s="427">
        <v>0</v>
      </c>
      <c r="F75" s="509">
        <v>0</v>
      </c>
      <c r="G75" s="427">
        <v>0</v>
      </c>
      <c r="H75" s="427">
        <v>0</v>
      </c>
      <c r="I75" s="427">
        <v>0</v>
      </c>
      <c r="J75" s="509">
        <v>0</v>
      </c>
      <c r="K75" s="501">
        <v>0</v>
      </c>
      <c r="L75" s="462">
        <v>0</v>
      </c>
    </row>
    <row r="76" spans="1:12" ht="10.5" x14ac:dyDescent="0.2">
      <c r="A76" s="189"/>
      <c r="B76" s="427"/>
      <c r="C76" s="427"/>
      <c r="D76" s="427"/>
      <c r="E76" s="427"/>
      <c r="F76" s="501"/>
      <c r="G76" s="427"/>
      <c r="H76" s="427"/>
      <c r="I76" s="427"/>
      <c r="J76" s="501"/>
      <c r="K76" s="462"/>
      <c r="L76" s="462"/>
    </row>
    <row r="77" spans="1:12" s="66" customFormat="1" ht="10.5" x14ac:dyDescent="0.2">
      <c r="A77" s="142" t="s">
        <v>702</v>
      </c>
      <c r="B77" s="425">
        <v>27130700</v>
      </c>
      <c r="C77" s="425">
        <v>27128699.16</v>
      </c>
      <c r="D77" s="425">
        <v>12642167.619999997</v>
      </c>
      <c r="E77" s="425">
        <v>12642167.619999997</v>
      </c>
      <c r="F77" s="506">
        <v>3.3595205050583452</v>
      </c>
      <c r="G77" s="425">
        <v>14486531.540000003</v>
      </c>
      <c r="H77" s="425">
        <v>3078185.6499999994</v>
      </c>
      <c r="I77" s="425">
        <v>3078185.6499999994</v>
      </c>
      <c r="J77" s="506">
        <v>1.6005984667958668</v>
      </c>
      <c r="K77" s="507">
        <v>24050513.510000002</v>
      </c>
      <c r="L77" s="319">
        <v>0</v>
      </c>
    </row>
    <row r="78" spans="1:12" ht="10.5" x14ac:dyDescent="0.2">
      <c r="A78" s="189" t="s">
        <v>647</v>
      </c>
      <c r="B78" s="427">
        <v>27130700</v>
      </c>
      <c r="C78" s="427">
        <v>27128699.16</v>
      </c>
      <c r="D78" s="427">
        <v>12642167.619999997</v>
      </c>
      <c r="E78" s="427">
        <v>12642167.619999997</v>
      </c>
      <c r="F78" s="509">
        <v>3.3595205050583452</v>
      </c>
      <c r="G78" s="427">
        <v>14486531.540000003</v>
      </c>
      <c r="H78" s="427">
        <v>3078185.6499999994</v>
      </c>
      <c r="I78" s="427">
        <v>3078185.6499999994</v>
      </c>
      <c r="J78" s="509">
        <v>1.6005984667958668</v>
      </c>
      <c r="K78" s="501">
        <v>24050513.510000002</v>
      </c>
      <c r="L78" s="462">
        <v>0</v>
      </c>
    </row>
    <row r="79" spans="1:12" ht="10.5" x14ac:dyDescent="0.2">
      <c r="A79" s="189"/>
      <c r="B79" s="427"/>
      <c r="C79" s="427"/>
      <c r="D79" s="427"/>
      <c r="E79" s="427"/>
      <c r="F79" s="501"/>
      <c r="G79" s="427"/>
      <c r="H79" s="427"/>
      <c r="I79" s="427"/>
      <c r="J79" s="501"/>
      <c r="K79" s="462"/>
      <c r="L79" s="462"/>
    </row>
    <row r="80" spans="1:12" s="66" customFormat="1" ht="10.5" x14ac:dyDescent="0.2">
      <c r="A80" s="142" t="s">
        <v>710</v>
      </c>
      <c r="B80" s="425">
        <v>2184500</v>
      </c>
      <c r="C80" s="425">
        <v>1983692.1400000001</v>
      </c>
      <c r="D80" s="425">
        <v>1228472.45</v>
      </c>
      <c r="E80" s="425">
        <v>1228472.45</v>
      </c>
      <c r="F80" s="506">
        <v>0.32645338281587055</v>
      </c>
      <c r="G80" s="425">
        <v>755219.69000000006</v>
      </c>
      <c r="H80" s="425">
        <v>295091.30000000005</v>
      </c>
      <c r="I80" s="425">
        <v>295091.30000000005</v>
      </c>
      <c r="J80" s="506">
        <v>0.15344190898453422</v>
      </c>
      <c r="K80" s="507">
        <v>1688600.8399999999</v>
      </c>
      <c r="L80" s="319">
        <v>0</v>
      </c>
    </row>
    <row r="81" spans="1:12" ht="10.5" x14ac:dyDescent="0.2">
      <c r="A81" s="189" t="s">
        <v>709</v>
      </c>
      <c r="B81" s="427">
        <v>995500</v>
      </c>
      <c r="C81" s="427">
        <v>995500</v>
      </c>
      <c r="D81" s="427">
        <v>545584.18999999994</v>
      </c>
      <c r="E81" s="427">
        <v>545584.18999999994</v>
      </c>
      <c r="F81" s="509">
        <v>0.14498314914295118</v>
      </c>
      <c r="G81" s="427">
        <v>449915.81000000006</v>
      </c>
      <c r="H81" s="427">
        <v>160201.01999999999</v>
      </c>
      <c r="I81" s="427">
        <v>160201.01999999999</v>
      </c>
      <c r="J81" s="509">
        <v>8.3301508143647549E-2</v>
      </c>
      <c r="K81" s="501">
        <v>835298.98</v>
      </c>
      <c r="L81" s="462">
        <v>0</v>
      </c>
    </row>
    <row r="82" spans="1:12" ht="10.5" x14ac:dyDescent="0.2">
      <c r="A82" s="189" t="s">
        <v>711</v>
      </c>
      <c r="B82" s="427">
        <v>1189000</v>
      </c>
      <c r="C82" s="427">
        <v>988192.14</v>
      </c>
      <c r="D82" s="427">
        <v>682888.26</v>
      </c>
      <c r="E82" s="427">
        <v>682888.26</v>
      </c>
      <c r="F82" s="509">
        <v>0.18147023367291937</v>
      </c>
      <c r="G82" s="427">
        <v>305303.88</v>
      </c>
      <c r="H82" s="427">
        <v>134890.28000000003</v>
      </c>
      <c r="I82" s="427">
        <v>134890.28000000003</v>
      </c>
      <c r="J82" s="509">
        <v>7.0140400840886671E-2</v>
      </c>
      <c r="K82" s="501">
        <v>853301.86</v>
      </c>
      <c r="L82" s="462">
        <v>0</v>
      </c>
    </row>
    <row r="83" spans="1:12" ht="10.5" x14ac:dyDescent="0.2">
      <c r="A83" s="189" t="s">
        <v>712</v>
      </c>
      <c r="B83" s="427">
        <v>0</v>
      </c>
      <c r="C83" s="427">
        <v>0</v>
      </c>
      <c r="D83" s="427">
        <v>0</v>
      </c>
      <c r="E83" s="427">
        <v>0</v>
      </c>
      <c r="F83" s="509">
        <v>0</v>
      </c>
      <c r="G83" s="427">
        <v>0</v>
      </c>
      <c r="H83" s="427">
        <v>0</v>
      </c>
      <c r="I83" s="427">
        <v>0</v>
      </c>
      <c r="J83" s="509">
        <v>0</v>
      </c>
      <c r="K83" s="501">
        <v>0</v>
      </c>
      <c r="L83" s="462">
        <v>0</v>
      </c>
    </row>
    <row r="84" spans="1:12" ht="10.5" x14ac:dyDescent="0.2">
      <c r="A84" s="189"/>
      <c r="B84" s="427"/>
      <c r="C84" s="427"/>
      <c r="D84" s="427"/>
      <c r="E84" s="427"/>
      <c r="F84" s="501"/>
      <c r="G84" s="427"/>
      <c r="H84" s="427"/>
      <c r="I84" s="427"/>
      <c r="J84" s="501"/>
      <c r="K84" s="462"/>
      <c r="L84" s="462"/>
    </row>
    <row r="85" spans="1:12" s="66" customFormat="1" ht="10.5" x14ac:dyDescent="0.2">
      <c r="A85" s="142" t="s">
        <v>755</v>
      </c>
      <c r="B85" s="425">
        <v>649800</v>
      </c>
      <c r="C85" s="425">
        <v>649800</v>
      </c>
      <c r="D85" s="425">
        <v>0</v>
      </c>
      <c r="E85" s="425">
        <v>0</v>
      </c>
      <c r="F85" s="506">
        <v>0</v>
      </c>
      <c r="G85" s="425">
        <v>649800</v>
      </c>
      <c r="H85" s="425">
        <v>0</v>
      </c>
      <c r="I85" s="425">
        <v>0</v>
      </c>
      <c r="J85" s="506">
        <v>0</v>
      </c>
      <c r="K85" s="507">
        <v>649800</v>
      </c>
      <c r="L85" s="319">
        <v>0</v>
      </c>
    </row>
    <row r="86" spans="1:12" ht="10.5" x14ac:dyDescent="0.2">
      <c r="A86" s="189" t="s">
        <v>709</v>
      </c>
      <c r="B86" s="427">
        <v>649800</v>
      </c>
      <c r="C86" s="427">
        <v>649800</v>
      </c>
      <c r="D86" s="427">
        <v>0</v>
      </c>
      <c r="E86" s="427">
        <v>0</v>
      </c>
      <c r="F86" s="509">
        <v>0</v>
      </c>
      <c r="G86" s="427">
        <v>649800</v>
      </c>
      <c r="H86" s="427">
        <v>0</v>
      </c>
      <c r="I86" s="427">
        <v>0</v>
      </c>
      <c r="J86" s="509">
        <v>0</v>
      </c>
      <c r="K86" s="501">
        <v>649800</v>
      </c>
      <c r="L86" s="462">
        <v>0</v>
      </c>
    </row>
    <row r="87" spans="1:12" ht="10.5" x14ac:dyDescent="0.2">
      <c r="A87" s="189"/>
      <c r="B87" s="427"/>
      <c r="C87" s="427"/>
      <c r="D87" s="427"/>
      <c r="E87" s="427"/>
      <c r="F87" s="501"/>
      <c r="G87" s="427"/>
      <c r="H87" s="427"/>
      <c r="I87" s="427"/>
      <c r="J87" s="501"/>
      <c r="K87" s="462"/>
      <c r="L87" s="462"/>
    </row>
    <row r="88" spans="1:12" s="66" customFormat="1" ht="10.5" x14ac:dyDescent="0.2">
      <c r="A88" s="142" t="s">
        <v>716</v>
      </c>
      <c r="B88" s="425">
        <v>26070000</v>
      </c>
      <c r="C88" s="425">
        <v>28283600</v>
      </c>
      <c r="D88" s="425">
        <v>15359986.650000002</v>
      </c>
      <c r="E88" s="425">
        <v>15359986.650000002</v>
      </c>
      <c r="F88" s="506">
        <v>4.0817517738384055</v>
      </c>
      <c r="G88" s="425">
        <v>12923613.349999998</v>
      </c>
      <c r="H88" s="425">
        <v>2558492.04</v>
      </c>
      <c r="I88" s="425">
        <v>2558492.04</v>
      </c>
      <c r="J88" s="506">
        <v>1.3303675938237938</v>
      </c>
      <c r="K88" s="507">
        <v>25725107.960000001</v>
      </c>
      <c r="L88" s="319">
        <v>0</v>
      </c>
    </row>
    <row r="89" spans="1:12" ht="10.5" x14ac:dyDescent="0.2">
      <c r="A89" s="189" t="s">
        <v>647</v>
      </c>
      <c r="B89" s="427">
        <v>26070000</v>
      </c>
      <c r="C89" s="427">
        <v>28283600</v>
      </c>
      <c r="D89" s="427">
        <v>15359986.650000002</v>
      </c>
      <c r="E89" s="427">
        <v>15359986.650000002</v>
      </c>
      <c r="F89" s="509">
        <v>4.0817517738384055</v>
      </c>
      <c r="G89" s="427">
        <v>12923613.349999998</v>
      </c>
      <c r="H89" s="427">
        <v>2558492.04</v>
      </c>
      <c r="I89" s="427">
        <v>2558492.04</v>
      </c>
      <c r="J89" s="509">
        <v>1.3303675938237938</v>
      </c>
      <c r="K89" s="501">
        <v>25725107.960000001</v>
      </c>
      <c r="L89" s="462">
        <v>0</v>
      </c>
    </row>
    <row r="90" spans="1:12" s="187" customFormat="1" ht="10.5" x14ac:dyDescent="0.2">
      <c r="A90" s="189"/>
      <c r="B90" s="427"/>
      <c r="C90" s="427"/>
      <c r="D90" s="427"/>
      <c r="E90" s="427"/>
      <c r="F90" s="501"/>
      <c r="G90" s="427"/>
      <c r="H90" s="427"/>
      <c r="I90" s="427"/>
      <c r="J90" s="501"/>
      <c r="K90" s="462"/>
      <c r="L90" s="462"/>
    </row>
    <row r="91" spans="1:12" s="66" customFormat="1" ht="10.5" x14ac:dyDescent="0.2">
      <c r="A91" s="142" t="s">
        <v>721</v>
      </c>
      <c r="B91" s="425">
        <v>103000</v>
      </c>
      <c r="C91" s="425">
        <v>103000</v>
      </c>
      <c r="D91" s="425">
        <v>20439.120000000003</v>
      </c>
      <c r="E91" s="425">
        <v>20439.120000000003</v>
      </c>
      <c r="F91" s="506">
        <v>5.4314770068954474E-3</v>
      </c>
      <c r="G91" s="425">
        <v>82560.88</v>
      </c>
      <c r="H91" s="425">
        <v>14645.890000000001</v>
      </c>
      <c r="I91" s="425">
        <v>14645.890000000001</v>
      </c>
      <c r="J91" s="506">
        <v>7.6155864994240765E-3</v>
      </c>
      <c r="K91" s="507">
        <v>88354.11</v>
      </c>
      <c r="L91" s="319">
        <v>0</v>
      </c>
    </row>
    <row r="92" spans="1:12" ht="10.5" x14ac:dyDescent="0.2">
      <c r="A92" s="189" t="s">
        <v>722</v>
      </c>
      <c r="B92" s="427">
        <v>40000</v>
      </c>
      <c r="C92" s="427">
        <v>40000</v>
      </c>
      <c r="D92" s="427">
        <v>0</v>
      </c>
      <c r="E92" s="427">
        <v>0</v>
      </c>
      <c r="F92" s="509">
        <v>0</v>
      </c>
      <c r="G92" s="427">
        <v>40000</v>
      </c>
      <c r="H92" s="427">
        <v>0</v>
      </c>
      <c r="I92" s="427">
        <v>0</v>
      </c>
      <c r="J92" s="509">
        <v>0</v>
      </c>
      <c r="K92" s="501">
        <v>40000</v>
      </c>
      <c r="L92" s="462">
        <v>0</v>
      </c>
    </row>
    <row r="93" spans="1:12" ht="10.5" x14ac:dyDescent="0.2">
      <c r="A93" s="189" t="s">
        <v>723</v>
      </c>
      <c r="B93" s="427">
        <v>63000</v>
      </c>
      <c r="C93" s="427">
        <v>63000</v>
      </c>
      <c r="D93" s="427">
        <v>20439.120000000003</v>
      </c>
      <c r="E93" s="427">
        <v>20439.120000000003</v>
      </c>
      <c r="F93" s="509">
        <v>5.4314770068954474E-3</v>
      </c>
      <c r="G93" s="427">
        <v>42560.88</v>
      </c>
      <c r="H93" s="427">
        <v>14645.890000000001</v>
      </c>
      <c r="I93" s="427">
        <v>14645.890000000001</v>
      </c>
      <c r="J93" s="509">
        <v>7.6155864994240765E-3</v>
      </c>
      <c r="K93" s="501">
        <v>48354.11</v>
      </c>
      <c r="L93" s="462">
        <v>0</v>
      </c>
    </row>
    <row r="94" spans="1:12" ht="10.5" x14ac:dyDescent="0.2">
      <c r="A94" s="189"/>
      <c r="B94" s="427"/>
      <c r="C94" s="427"/>
      <c r="D94" s="427"/>
      <c r="E94" s="427"/>
      <c r="F94" s="501"/>
      <c r="G94" s="427"/>
      <c r="H94" s="427"/>
      <c r="I94" s="427"/>
      <c r="J94" s="501"/>
      <c r="K94" s="462"/>
      <c r="L94" s="462"/>
    </row>
    <row r="95" spans="1:12" s="66" customFormat="1" ht="10.5" x14ac:dyDescent="0.2">
      <c r="A95" s="142" t="s">
        <v>724</v>
      </c>
      <c r="B95" s="425">
        <v>12133000</v>
      </c>
      <c r="C95" s="425">
        <v>37733000</v>
      </c>
      <c r="D95" s="425">
        <v>30220000</v>
      </c>
      <c r="E95" s="425">
        <v>30220000</v>
      </c>
      <c r="F95" s="506">
        <v>8.0306410035451812</v>
      </c>
      <c r="G95" s="425">
        <v>7513000</v>
      </c>
      <c r="H95" s="425">
        <v>4886796.6400000006</v>
      </c>
      <c r="I95" s="425">
        <v>4886796.6400000006</v>
      </c>
      <c r="J95" s="506">
        <v>2.5410420614257609</v>
      </c>
      <c r="K95" s="507">
        <v>32846203.359999999</v>
      </c>
      <c r="L95" s="319">
        <v>0</v>
      </c>
    </row>
    <row r="96" spans="1:12" ht="10.5" x14ac:dyDescent="0.2">
      <c r="A96" s="189" t="s">
        <v>727</v>
      </c>
      <c r="B96" s="427">
        <v>12133000</v>
      </c>
      <c r="C96" s="427">
        <v>37733000</v>
      </c>
      <c r="D96" s="427">
        <v>30220000</v>
      </c>
      <c r="E96" s="427">
        <v>30220000</v>
      </c>
      <c r="F96" s="509">
        <v>8.0306410035451812</v>
      </c>
      <c r="G96" s="427">
        <v>7513000</v>
      </c>
      <c r="H96" s="427">
        <v>4886796.6400000006</v>
      </c>
      <c r="I96" s="427">
        <v>4886796.6400000006</v>
      </c>
      <c r="J96" s="509">
        <v>2.5410420614257609</v>
      </c>
      <c r="K96" s="501">
        <v>32846203.359999999</v>
      </c>
      <c r="L96" s="462">
        <v>0</v>
      </c>
    </row>
    <row r="97" spans="1:12" ht="15" customHeight="1" x14ac:dyDescent="0.2">
      <c r="A97" s="144" t="s">
        <v>734</v>
      </c>
      <c r="B97" s="362">
        <v>993939500</v>
      </c>
      <c r="C97" s="362">
        <v>1054624627.3099999</v>
      </c>
      <c r="D97" s="362">
        <v>376308690.51000005</v>
      </c>
      <c r="E97" s="362">
        <v>376308690.51000005</v>
      </c>
      <c r="F97" s="511">
        <v>100</v>
      </c>
      <c r="G97" s="362">
        <v>678315936.80000007</v>
      </c>
      <c r="H97" s="362">
        <v>192314669.40999997</v>
      </c>
      <c r="I97" s="362">
        <v>192314669.40999997</v>
      </c>
      <c r="J97" s="511">
        <v>100</v>
      </c>
      <c r="K97" s="505">
        <v>862309957.90000021</v>
      </c>
      <c r="L97" s="229">
        <v>0</v>
      </c>
    </row>
    <row r="98" spans="1:12" ht="10.5" x14ac:dyDescent="0.2">
      <c r="A98" s="45" t="s">
        <v>848</v>
      </c>
      <c r="L98" s="293"/>
    </row>
    <row r="99" spans="1:12" ht="10.5" x14ac:dyDescent="0.2">
      <c r="A99" s="202"/>
    </row>
    <row r="100" spans="1:12" ht="10.5" x14ac:dyDescent="0.2">
      <c r="A100" s="183"/>
      <c r="C100" s="416"/>
    </row>
    <row r="101" spans="1:12" s="264" customFormat="1" ht="10.5" x14ac:dyDescent="0.2">
      <c r="A101" s="389"/>
      <c r="B101" s="45"/>
      <c r="C101" s="45"/>
      <c r="D101" s="45"/>
      <c r="E101" s="45"/>
      <c r="F101" s="45"/>
      <c r="G101" s="45"/>
      <c r="H101" s="45"/>
      <c r="I101" s="45"/>
      <c r="J101" s="45"/>
      <c r="K101" s="45"/>
      <c r="L101" s="45"/>
    </row>
    <row r="102" spans="1:12" s="264" customFormat="1" ht="10.5" x14ac:dyDescent="0.2">
      <c r="A102" s="389"/>
      <c r="B102" s="45"/>
      <c r="C102" s="45"/>
      <c r="D102" s="45"/>
      <c r="E102" s="45"/>
      <c r="F102" s="45"/>
      <c r="G102" s="45"/>
      <c r="H102" s="45"/>
      <c r="I102" s="45"/>
      <c r="J102" s="45"/>
      <c r="K102" s="45"/>
      <c r="L102" s="45"/>
    </row>
    <row r="103" spans="1:12" s="264" customFormat="1" ht="10.5" x14ac:dyDescent="0.2">
      <c r="A103" s="389"/>
      <c r="B103" s="45"/>
      <c r="C103" s="45"/>
      <c r="D103" s="45"/>
      <c r="E103" s="45"/>
      <c r="F103" s="45"/>
      <c r="G103" s="45"/>
      <c r="H103" s="45"/>
      <c r="I103" s="45"/>
      <c r="J103" s="45"/>
      <c r="K103" s="45"/>
      <c r="L103" s="45"/>
    </row>
    <row r="104" spans="1:12" ht="10.5" x14ac:dyDescent="0.2"/>
    <row r="105" spans="1:12" ht="10.5" x14ac:dyDescent="0.2"/>
    <row r="106" spans="1:12" ht="10.5" x14ac:dyDescent="0.2"/>
    <row r="107" spans="1:12" s="45" customFormat="1" ht="11.25" customHeight="1" x14ac:dyDescent="0.2"/>
    <row r="108" spans="1:12" s="45" customFormat="1" ht="11.25" customHeight="1" x14ac:dyDescent="0.2"/>
    <row r="109" spans="1:12" s="45" customFormat="1" ht="11.25" customHeight="1" x14ac:dyDescent="0.2"/>
    <row r="110" spans="1:12" s="45" customFormat="1" ht="11.25" customHeight="1" x14ac:dyDescent="0.2"/>
    <row r="111" spans="1:12" s="45" customFormat="1" ht="11.25" customHeight="1" x14ac:dyDescent="0.2"/>
    <row r="112" spans="1:12" s="45" customFormat="1" ht="11.25" customHeight="1" x14ac:dyDescent="0.2"/>
    <row r="113" s="45"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selection activeCell="I97" sqref="I97"/>
      <pageMargins left="0.19685039370078741" right="0.19685039370078741" top="0.59055118110236227" bottom="0.19685039370078741" header="0" footer="0"/>
      <printOptions horizontalCentered="1"/>
      <pageSetup paperSize="9" scale="45" orientation="portrait" r:id="rId1"/>
    </customSheetView>
    <customSheetView guid="{B467DF90-BD78-4523-834B-7425556A2F17}" showPageBreaks="1" showGridLines="0" fitToPage="1" printArea="1" topLeftCell="B19">
      <selection activeCell="I97" sqref="I97"/>
      <pageMargins left="0.19685039370078741" right="0.19685039370078741" top="0.59055118110236227" bottom="0.19685039370078741" header="0" footer="0"/>
      <printOptions horizontalCentered="1"/>
      <pageSetup paperSize="9" scale="45" orientation="portrait" r:id="rId2"/>
    </customSheetView>
    <customSheetView guid="{3AAF6A5F-F9AA-430B-9AD9-1261ECDF41B5}" showPageBreaks="1" showGridLines="0" fitToPage="1" printArea="1" topLeftCell="B76">
      <selection activeCell="E126" sqref="E126"/>
      <pageMargins left="0.19685039370078741" right="0.19685039370078741" top="0.59055118110236227" bottom="0.19685039370078741" header="0" footer="0"/>
      <printOptions horizontalCentered="1"/>
      <pageSetup paperSize="9" scale="45" orientation="portrait" r:id="rId3"/>
    </customSheetView>
    <customSheetView guid="{25EF1E0D-169B-4051-B414-7E1196FC05E4}" showPageBreaks="1" showGridLines="0" fitToPage="1" printArea="1" topLeftCell="B19">
      <selection activeCell="I97" sqref="I97"/>
      <pageMargins left="0.19685039370078741" right="0.19685039370078741" top="0.59055118110236227" bottom="0.19685039370078741" header="0" footer="0"/>
      <printOptions horizontalCentered="1"/>
      <pageSetup paperSize="9" scale="45" orientation="portrait" r:id="rId4"/>
    </customSheetView>
    <customSheetView guid="{6DBFA32C-4AA4-4E1D-9A48-697377C64CC3}" showPageBreaks="1" showGridLines="0" fitToPage="1" printArea="1">
      <selection activeCell="C97" sqref="C97"/>
      <pageMargins left="0.19685039370078741" right="0.19685039370078741" top="0.59055118110236227" bottom="0.19685039370078741" header="0" footer="0"/>
      <printOptions horizontalCentered="1"/>
      <pageSetup paperSize="9" scale="45"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6"/>
    </customSheetView>
    <customSheetView guid="{82EDB5A4-4824-4632-A540-7A52C92F04C7}" showPageBreaks="1" showGridLines="0" fitToPage="1" topLeftCell="C94">
      <selection activeCell="I118" sqref="I118"/>
      <pageMargins left="0.19685039370078741" right="0.19685039370078741" top="0.59055118110236227" bottom="0.19685039370078741" header="0" footer="0"/>
      <printOptions horizontalCentered="1"/>
      <pageSetup paperSize="9" scale="45" orientation="portrait" r:id="rId7"/>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6" orientation="portrait" r:id="rId8"/>
  <drawing r:id="rId9"/>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pageSetUpPr fitToPage="1"/>
  </sheetPr>
  <dimension ref="A1:P85"/>
  <sheetViews>
    <sheetView showGridLines="0" zoomScaleNormal="100" workbookViewId="0"/>
  </sheetViews>
  <sheetFormatPr defaultColWidth="4.140625" defaultRowHeight="11.25" customHeight="1" x14ac:dyDescent="0.2"/>
  <cols>
    <col min="1" max="1" width="45.140625" style="264" customWidth="1"/>
    <col min="2" max="2" width="20.5703125" style="300" customWidth="1"/>
    <col min="3" max="3" width="19" style="300" customWidth="1"/>
    <col min="4" max="4" width="19" style="300" bestFit="1" customWidth="1"/>
    <col min="5" max="5" width="18.85546875" style="300" customWidth="1"/>
    <col min="6" max="6" width="19" style="300" bestFit="1" customWidth="1"/>
    <col min="7" max="7" width="20.140625" style="301" bestFit="1" customWidth="1"/>
    <col min="8" max="8" width="20.85546875" style="300" customWidth="1"/>
    <col min="9" max="9" width="4.140625" style="217"/>
    <col min="10" max="12" width="4.140625" style="264"/>
    <col min="13" max="13" width="5.140625" style="264" customWidth="1"/>
    <col min="14" max="14" width="4.140625" style="264"/>
    <col min="15" max="15" width="19" style="264" bestFit="1" customWidth="1"/>
    <col min="16" max="16" width="10.28515625" style="264" customWidth="1"/>
    <col min="17" max="16384" width="4.140625" style="264"/>
  </cols>
  <sheetData>
    <row r="1" spans="1:9" s="26" customFormat="1" ht="11.25" customHeight="1" x14ac:dyDescent="0.2">
      <c r="A1" s="268"/>
      <c r="B1" s="300"/>
      <c r="C1" s="300"/>
      <c r="D1" s="300"/>
      <c r="E1" s="300"/>
      <c r="F1" s="300"/>
      <c r="G1" s="301"/>
      <c r="H1" s="300"/>
      <c r="I1" s="112"/>
    </row>
    <row r="2" spans="1:9" s="26" customFormat="1" ht="11.25" customHeight="1" x14ac:dyDescent="0.2">
      <c r="A2" s="268"/>
      <c r="B2" s="300"/>
      <c r="C2" s="300"/>
      <c r="D2" s="300"/>
      <c r="E2" s="300"/>
      <c r="F2" s="300"/>
      <c r="G2" s="301"/>
      <c r="H2" s="300"/>
      <c r="I2" s="112"/>
    </row>
    <row r="3" spans="1:9" s="45" customFormat="1" ht="11.25" customHeight="1" x14ac:dyDescent="0.2">
      <c r="A3" s="731" t="s">
        <v>637</v>
      </c>
      <c r="B3" s="731"/>
      <c r="C3" s="731"/>
      <c r="D3" s="731"/>
      <c r="E3" s="731"/>
      <c r="F3" s="731"/>
      <c r="G3" s="731"/>
      <c r="H3" s="731"/>
      <c r="I3" s="56"/>
    </row>
    <row r="4" spans="1:9" s="45" customFormat="1" ht="11.25" customHeight="1" x14ac:dyDescent="0.2">
      <c r="A4" s="731" t="s">
        <v>105</v>
      </c>
      <c r="B4" s="731"/>
      <c r="C4" s="731"/>
      <c r="D4" s="731"/>
      <c r="E4" s="731"/>
      <c r="F4" s="731"/>
      <c r="G4" s="731"/>
      <c r="H4" s="731"/>
      <c r="I4" s="56"/>
    </row>
    <row r="5" spans="1:9" s="45" customFormat="1" ht="11.25" customHeight="1" x14ac:dyDescent="0.2">
      <c r="A5" s="731" t="s">
        <v>171</v>
      </c>
      <c r="B5" s="731"/>
      <c r="C5" s="731"/>
      <c r="D5" s="731"/>
      <c r="E5" s="731"/>
      <c r="F5" s="731"/>
      <c r="G5" s="731"/>
      <c r="H5" s="731"/>
      <c r="I5" s="56"/>
    </row>
    <row r="6" spans="1:9" s="45" customFormat="1" ht="11.25" customHeight="1" x14ac:dyDescent="0.2">
      <c r="A6" s="731" t="s">
        <v>107</v>
      </c>
      <c r="B6" s="731"/>
      <c r="C6" s="731"/>
      <c r="D6" s="731"/>
      <c r="E6" s="731"/>
      <c r="F6" s="731"/>
      <c r="G6" s="731"/>
      <c r="H6" s="731"/>
      <c r="I6" s="56"/>
    </row>
    <row r="7" spans="1:9" s="45" customFormat="1" ht="11.25" customHeight="1" x14ac:dyDescent="0.2">
      <c r="A7" s="751" t="s">
        <v>864</v>
      </c>
      <c r="B7" s="751"/>
      <c r="C7" s="751"/>
      <c r="D7" s="751"/>
      <c r="E7" s="751"/>
      <c r="F7" s="751"/>
      <c r="G7" s="751"/>
      <c r="H7" s="751"/>
      <c r="I7" s="56"/>
    </row>
    <row r="8" spans="1:9" s="26" customFormat="1" ht="11.25" customHeight="1" x14ac:dyDescent="0.2">
      <c r="A8" s="46"/>
      <c r="B8" s="302"/>
      <c r="C8" s="302"/>
      <c r="D8" s="302"/>
      <c r="E8" s="302"/>
      <c r="F8" s="302"/>
      <c r="G8" s="302"/>
      <c r="H8" s="302"/>
      <c r="I8" s="112"/>
    </row>
    <row r="9" spans="1:9" s="26" customFormat="1" ht="11.25" customHeight="1" x14ac:dyDescent="0.2">
      <c r="A9" s="26" t="s">
        <v>363</v>
      </c>
      <c r="B9" s="300"/>
      <c r="C9" s="300"/>
      <c r="D9" s="300"/>
      <c r="E9" s="300"/>
      <c r="F9" s="300"/>
      <c r="G9" s="309"/>
      <c r="H9" s="624">
        <v>1</v>
      </c>
      <c r="I9" s="112"/>
    </row>
    <row r="10" spans="1:9" ht="11.25" customHeight="1" x14ac:dyDescent="0.2">
      <c r="A10" s="127"/>
      <c r="B10" s="771" t="s">
        <v>172</v>
      </c>
      <c r="C10" s="772"/>
      <c r="D10" s="772"/>
      <c r="E10" s="772"/>
      <c r="F10" s="772"/>
      <c r="G10" s="772"/>
      <c r="H10" s="772"/>
    </row>
    <row r="11" spans="1:9" ht="11.25" customHeight="1" x14ac:dyDescent="0.2">
      <c r="A11" s="267" t="s">
        <v>173</v>
      </c>
      <c r="B11" s="773"/>
      <c r="C11" s="774"/>
      <c r="D11" s="774"/>
      <c r="E11" s="774"/>
      <c r="F11" s="774"/>
      <c r="G11" s="774"/>
      <c r="H11" s="774"/>
    </row>
    <row r="12" spans="1:9" ht="15" customHeight="1" x14ac:dyDescent="0.2">
      <c r="A12" s="49"/>
      <c r="B12" s="405" t="s">
        <v>846</v>
      </c>
      <c r="C12" s="405" t="s">
        <v>847</v>
      </c>
      <c r="D12" s="622" t="s">
        <v>855</v>
      </c>
      <c r="E12" s="622" t="s">
        <v>856</v>
      </c>
      <c r="F12" s="622" t="s">
        <v>857</v>
      </c>
      <c r="G12" s="622" t="s">
        <v>858</v>
      </c>
      <c r="H12" s="622" t="s">
        <v>859</v>
      </c>
    </row>
    <row r="13" spans="1:9" s="66" customFormat="1" ht="10.5" x14ac:dyDescent="0.2">
      <c r="A13" s="128" t="s">
        <v>176</v>
      </c>
      <c r="B13" s="512">
        <v>916049742.93000019</v>
      </c>
      <c r="C13" s="512">
        <v>982170421.42999995</v>
      </c>
      <c r="D13" s="512">
        <v>1006060241.4199998</v>
      </c>
      <c r="E13" s="512">
        <v>970564725.51000011</v>
      </c>
      <c r="F13" s="512">
        <v>994884354.13999987</v>
      </c>
      <c r="G13" s="512">
        <v>999252664.14999998</v>
      </c>
      <c r="H13" s="512">
        <v>975849866.98000002</v>
      </c>
      <c r="I13" s="155"/>
    </row>
    <row r="14" spans="1:9" ht="10.5" x14ac:dyDescent="0.2">
      <c r="A14" s="29" t="s">
        <v>177</v>
      </c>
      <c r="B14" s="428">
        <v>649153840.6700002</v>
      </c>
      <c r="C14" s="428">
        <v>701632621.8599999</v>
      </c>
      <c r="D14" s="428">
        <v>670608538.11999989</v>
      </c>
      <c r="E14" s="513">
        <v>666858165.99000013</v>
      </c>
      <c r="F14" s="428">
        <v>691351494.65999985</v>
      </c>
      <c r="G14" s="428">
        <v>694161069.98999989</v>
      </c>
      <c r="H14" s="428">
        <v>687646671.42999995</v>
      </c>
    </row>
    <row r="15" spans="1:9" ht="10.5" x14ac:dyDescent="0.2">
      <c r="A15" s="29" t="s">
        <v>415</v>
      </c>
      <c r="B15" s="428">
        <v>547978168.58000004</v>
      </c>
      <c r="C15" s="428">
        <v>605326293.30999994</v>
      </c>
      <c r="D15" s="514">
        <v>580281807.77999997</v>
      </c>
      <c r="E15" s="514">
        <v>571703195.5200001</v>
      </c>
      <c r="F15" s="428">
        <v>595703094.02999997</v>
      </c>
      <c r="G15" s="428">
        <v>604777681.92999995</v>
      </c>
      <c r="H15" s="428">
        <v>586553488.82999992</v>
      </c>
    </row>
    <row r="16" spans="1:9" ht="10.5" x14ac:dyDescent="0.2">
      <c r="A16" s="29" t="s">
        <v>416</v>
      </c>
      <c r="B16" s="428">
        <v>26469276.98</v>
      </c>
      <c r="C16" s="428">
        <v>23760696.239999998</v>
      </c>
      <c r="D16" s="514">
        <v>21606640.75</v>
      </c>
      <c r="E16" s="514">
        <v>10294532.4</v>
      </c>
      <c r="F16" s="428">
        <v>9813272.5299999993</v>
      </c>
      <c r="G16" s="428">
        <v>8594754.7400000002</v>
      </c>
      <c r="H16" s="428">
        <v>8235916.0499999998</v>
      </c>
    </row>
    <row r="17" spans="1:9" ht="10.5" x14ac:dyDescent="0.2">
      <c r="A17" s="29" t="s">
        <v>417</v>
      </c>
      <c r="B17" s="428">
        <v>8103631.8300000001</v>
      </c>
      <c r="C17" s="428">
        <v>5513013.1600000001</v>
      </c>
      <c r="D17" s="514">
        <v>8315101.7999999998</v>
      </c>
      <c r="E17" s="514">
        <v>10630796.34</v>
      </c>
      <c r="F17" s="428">
        <v>7605769.0199999996</v>
      </c>
      <c r="G17" s="428">
        <v>9732295.1799999997</v>
      </c>
      <c r="H17" s="428">
        <v>7577783.1100000003</v>
      </c>
    </row>
    <row r="18" spans="1:9" ht="10.5" x14ac:dyDescent="0.2">
      <c r="A18" s="29" t="s">
        <v>414</v>
      </c>
      <c r="B18" s="428">
        <v>45927108.090000004</v>
      </c>
      <c r="C18" s="428">
        <v>49596859.020000003</v>
      </c>
      <c r="D18" s="514">
        <v>41695157.859999999</v>
      </c>
      <c r="E18" s="514">
        <v>45110977.710000001</v>
      </c>
      <c r="F18" s="428">
        <v>47188218.670000002</v>
      </c>
      <c r="G18" s="428">
        <v>45345755.350000001</v>
      </c>
      <c r="H18" s="428">
        <v>52907120.82</v>
      </c>
    </row>
    <row r="19" spans="1:9" ht="10.5" x14ac:dyDescent="0.2">
      <c r="A19" s="29" t="s">
        <v>418</v>
      </c>
      <c r="B19" s="428">
        <v>20675655.190000001</v>
      </c>
      <c r="C19" s="428">
        <v>17435760.129999999</v>
      </c>
      <c r="D19" s="514">
        <v>18709829.93</v>
      </c>
      <c r="E19" s="514">
        <v>29118664.020000003</v>
      </c>
      <c r="F19" s="428">
        <v>31041140.409999996</v>
      </c>
      <c r="G19" s="428">
        <v>25710582.789999999</v>
      </c>
      <c r="H19" s="428">
        <v>32372362.619999997</v>
      </c>
    </row>
    <row r="20" spans="1:9" ht="10.5" x14ac:dyDescent="0.2">
      <c r="A20" s="29" t="s">
        <v>178</v>
      </c>
      <c r="B20" s="428">
        <v>18821320.469999999</v>
      </c>
      <c r="C20" s="428">
        <v>11716530.630000001</v>
      </c>
      <c r="D20" s="514">
        <v>42135340.5</v>
      </c>
      <c r="E20" s="514">
        <v>23440094.18</v>
      </c>
      <c r="F20" s="428">
        <v>54833119.640000001</v>
      </c>
      <c r="G20" s="428">
        <v>41271724.530000001</v>
      </c>
      <c r="H20" s="428">
        <v>21177747.449999999</v>
      </c>
    </row>
    <row r="21" spans="1:9" ht="10.5" x14ac:dyDescent="0.2">
      <c r="A21" s="29" t="s">
        <v>179</v>
      </c>
      <c r="B21" s="428">
        <v>7930773.6200000001</v>
      </c>
      <c r="C21" s="428">
        <v>8572440.2400000002</v>
      </c>
      <c r="D21" s="514">
        <v>8861258</v>
      </c>
      <c r="E21" s="514">
        <v>8576976.3300000001</v>
      </c>
      <c r="F21" s="428">
        <v>11681962.84</v>
      </c>
      <c r="G21" s="428">
        <v>9987528.1099999994</v>
      </c>
      <c r="H21" s="428">
        <v>14109174.65</v>
      </c>
    </row>
    <row r="22" spans="1:9" ht="10.5" x14ac:dyDescent="0.2">
      <c r="A22" s="29" t="s">
        <v>180</v>
      </c>
      <c r="B22" s="428">
        <v>0</v>
      </c>
      <c r="C22" s="428">
        <v>0</v>
      </c>
      <c r="D22" s="514">
        <v>0</v>
      </c>
      <c r="E22" s="514">
        <v>0</v>
      </c>
      <c r="F22" s="428">
        <v>0</v>
      </c>
      <c r="G22" s="428">
        <v>0</v>
      </c>
      <c r="H22" s="428">
        <v>0</v>
      </c>
    </row>
    <row r="23" spans="1:9" ht="10.5" x14ac:dyDescent="0.2">
      <c r="A23" s="29" t="s">
        <v>181</v>
      </c>
      <c r="B23" s="428">
        <v>0</v>
      </c>
      <c r="C23" s="428">
        <v>0</v>
      </c>
      <c r="D23" s="514">
        <v>0</v>
      </c>
      <c r="E23" s="514">
        <v>0</v>
      </c>
      <c r="F23" s="428">
        <v>0</v>
      </c>
      <c r="G23" s="428">
        <v>0</v>
      </c>
      <c r="H23" s="428">
        <v>0</v>
      </c>
    </row>
    <row r="24" spans="1:9" ht="10.5" x14ac:dyDescent="0.2">
      <c r="A24" s="29" t="s">
        <v>186</v>
      </c>
      <c r="B24" s="428">
        <v>38086618.530000001</v>
      </c>
      <c r="C24" s="428">
        <v>44409574.219999999</v>
      </c>
      <c r="D24" s="514">
        <v>44817980.920000002</v>
      </c>
      <c r="E24" s="514">
        <v>44227441.590000004</v>
      </c>
      <c r="F24" s="428">
        <v>31703231.600000001</v>
      </c>
      <c r="G24" s="428">
        <v>38781320.719999999</v>
      </c>
      <c r="H24" s="428">
        <v>53660431.979999997</v>
      </c>
    </row>
    <row r="25" spans="1:9" ht="10.5" x14ac:dyDescent="0.2">
      <c r="A25" s="29" t="s">
        <v>182</v>
      </c>
      <c r="B25" s="428">
        <v>193144194.88999999</v>
      </c>
      <c r="C25" s="428">
        <v>207519516.25</v>
      </c>
      <c r="D25" s="428">
        <v>224897826.56999999</v>
      </c>
      <c r="E25" s="428">
        <v>215885692.77000001</v>
      </c>
      <c r="F25" s="428">
        <v>193089249.15000001</v>
      </c>
      <c r="G25" s="428">
        <v>201461174.72999999</v>
      </c>
      <c r="H25" s="428">
        <v>186584703.68000001</v>
      </c>
    </row>
    <row r="26" spans="1:9" ht="10.5" x14ac:dyDescent="0.2">
      <c r="A26" s="29" t="s">
        <v>419</v>
      </c>
      <c r="B26" s="428">
        <v>76956060.219999999</v>
      </c>
      <c r="C26" s="428">
        <v>83055981.260000005</v>
      </c>
      <c r="D26" s="514">
        <v>102135688.70999999</v>
      </c>
      <c r="E26" s="514">
        <v>88868403.599999994</v>
      </c>
      <c r="F26" s="428">
        <v>65804266.659999996</v>
      </c>
      <c r="G26" s="428">
        <v>76962691.120000005</v>
      </c>
      <c r="H26" s="428">
        <v>64164274.240000002</v>
      </c>
    </row>
    <row r="27" spans="1:9" ht="10.5" x14ac:dyDescent="0.2">
      <c r="A27" s="29" t="s">
        <v>420</v>
      </c>
      <c r="B27" s="428">
        <v>0</v>
      </c>
      <c r="C27" s="428">
        <v>6018918.75</v>
      </c>
      <c r="D27" s="514">
        <v>1504729.69</v>
      </c>
      <c r="E27" s="514">
        <v>1504729.69</v>
      </c>
      <c r="F27" s="428">
        <v>1504729.69</v>
      </c>
      <c r="G27" s="428">
        <v>1504729.69</v>
      </c>
      <c r="H27" s="428">
        <v>1504729.69</v>
      </c>
    </row>
    <row r="28" spans="1:9" ht="10.5" x14ac:dyDescent="0.2">
      <c r="A28" s="29" t="s">
        <v>421</v>
      </c>
      <c r="B28" s="428">
        <v>6573010.79</v>
      </c>
      <c r="C28" s="428">
        <v>6884435.8300000001</v>
      </c>
      <c r="D28" s="514">
        <v>4038440.55</v>
      </c>
      <c r="E28" s="514">
        <v>7397516.4800000004</v>
      </c>
      <c r="F28" s="428">
        <v>10542583.23</v>
      </c>
      <c r="G28" s="428">
        <v>7251063.7300000004</v>
      </c>
      <c r="H28" s="428">
        <v>7230465.2699999996</v>
      </c>
    </row>
    <row r="29" spans="1:9" ht="10.5" x14ac:dyDescent="0.2">
      <c r="A29" s="29" t="s">
        <v>422</v>
      </c>
      <c r="B29" s="428">
        <v>67529021.870000005</v>
      </c>
      <c r="C29" s="428">
        <v>70914227.629999995</v>
      </c>
      <c r="D29" s="514">
        <v>72507414.430000007</v>
      </c>
      <c r="E29" s="514">
        <v>70146489.019999996</v>
      </c>
      <c r="F29" s="428">
        <v>65333972.869999997</v>
      </c>
      <c r="G29" s="428">
        <v>68285020.739999995</v>
      </c>
      <c r="H29" s="428">
        <v>64494737.859999999</v>
      </c>
    </row>
    <row r="30" spans="1:9" ht="10.5" x14ac:dyDescent="0.2">
      <c r="A30" s="29" t="s">
        <v>423</v>
      </c>
      <c r="B30" s="428">
        <v>42086102.009999998</v>
      </c>
      <c r="C30" s="428">
        <v>40645952.780000001</v>
      </c>
      <c r="D30" s="514">
        <v>44711553.189999998</v>
      </c>
      <c r="E30" s="514">
        <v>47968553.980000019</v>
      </c>
      <c r="F30" s="428">
        <v>49903696.70000001</v>
      </c>
      <c r="G30" s="428">
        <v>47457669.449999988</v>
      </c>
      <c r="H30" s="428">
        <v>49190496.620000005</v>
      </c>
    </row>
    <row r="31" spans="1:9" ht="10.5" x14ac:dyDescent="0.2">
      <c r="A31" s="29" t="s">
        <v>183</v>
      </c>
      <c r="B31" s="428">
        <v>8912994.75</v>
      </c>
      <c r="C31" s="428">
        <v>8319738.2300000004</v>
      </c>
      <c r="D31" s="514">
        <v>14739297.310000001</v>
      </c>
      <c r="E31" s="514">
        <v>11576354.65</v>
      </c>
      <c r="F31" s="428">
        <v>12225296.25</v>
      </c>
      <c r="G31" s="428">
        <v>13589846.07</v>
      </c>
      <c r="H31" s="428">
        <v>12671137.789999999</v>
      </c>
    </row>
    <row r="32" spans="1:9" s="66" customFormat="1" ht="10.5" x14ac:dyDescent="0.2">
      <c r="A32" s="128" t="s">
        <v>184</v>
      </c>
      <c r="B32" s="426">
        <v>277802307.66999996</v>
      </c>
      <c r="C32" s="426">
        <v>306977032.69</v>
      </c>
      <c r="D32" s="426">
        <v>319337249.94</v>
      </c>
      <c r="E32" s="426">
        <v>292334031.92999995</v>
      </c>
      <c r="F32" s="426">
        <v>326372565.22999996</v>
      </c>
      <c r="G32" s="426">
        <v>317775144.68000001</v>
      </c>
      <c r="H32" s="426">
        <v>287324973.38</v>
      </c>
      <c r="I32" s="155"/>
    </row>
    <row r="33" spans="1:16" ht="10.5" x14ac:dyDescent="0.2">
      <c r="A33" s="29" t="s">
        <v>185</v>
      </c>
      <c r="B33" s="428">
        <v>155451890.84999999</v>
      </c>
      <c r="C33" s="428">
        <v>182208239.41999999</v>
      </c>
      <c r="D33" s="514">
        <v>164255917.31</v>
      </c>
      <c r="E33" s="514">
        <v>157946061.63999999</v>
      </c>
      <c r="F33" s="428">
        <v>164468808.94999999</v>
      </c>
      <c r="G33" s="428">
        <v>165483795.09999999</v>
      </c>
      <c r="H33" s="428">
        <v>160848038.90000001</v>
      </c>
    </row>
    <row r="34" spans="1:16" ht="10.5" x14ac:dyDescent="0.2">
      <c r="A34" s="29" t="s">
        <v>364</v>
      </c>
      <c r="B34" s="428">
        <v>18749534.5</v>
      </c>
      <c r="C34" s="428">
        <v>10628592.619999999</v>
      </c>
      <c r="D34" s="514">
        <v>41694061.960000001</v>
      </c>
      <c r="E34" s="514">
        <v>25579114.379999999</v>
      </c>
      <c r="F34" s="428">
        <v>54529832.380000003</v>
      </c>
      <c r="G34" s="428">
        <v>41146004.380000003</v>
      </c>
      <c r="H34" s="428">
        <v>21177747.449999999</v>
      </c>
    </row>
    <row r="35" spans="1:16" ht="10.5" x14ac:dyDescent="0.2">
      <c r="A35" s="29" t="s">
        <v>424</v>
      </c>
      <c r="B35" s="428">
        <v>0</v>
      </c>
      <c r="C35" s="428">
        <v>0</v>
      </c>
      <c r="D35" s="514">
        <v>0</v>
      </c>
      <c r="E35" s="514">
        <v>0</v>
      </c>
      <c r="F35" s="428">
        <v>303287.26</v>
      </c>
      <c r="G35" s="428">
        <v>125720.15</v>
      </c>
      <c r="H35" s="428">
        <v>0</v>
      </c>
    </row>
    <row r="36" spans="1:16" ht="10.5" x14ac:dyDescent="0.2">
      <c r="A36" s="29" t="s">
        <v>223</v>
      </c>
      <c r="B36" s="428">
        <v>0</v>
      </c>
      <c r="C36" s="428">
        <v>427929.84</v>
      </c>
      <c r="D36" s="514">
        <v>0</v>
      </c>
      <c r="E36" s="514">
        <v>30967.25</v>
      </c>
      <c r="F36" s="428">
        <v>14908.63</v>
      </c>
      <c r="G36" s="428">
        <v>-32449.88</v>
      </c>
      <c r="H36" s="428">
        <v>-7556</v>
      </c>
    </row>
    <row r="37" spans="1:16" s="66" customFormat="1" ht="10.5" x14ac:dyDescent="0.2">
      <c r="A37" s="29" t="s">
        <v>226</v>
      </c>
      <c r="B37" s="428">
        <v>103600882.31999999</v>
      </c>
      <c r="C37" s="428">
        <v>113712270.81</v>
      </c>
      <c r="D37" s="514">
        <v>113387270.67</v>
      </c>
      <c r="E37" s="514">
        <v>108777888.66</v>
      </c>
      <c r="F37" s="428">
        <v>107055728.01000001</v>
      </c>
      <c r="G37" s="428">
        <v>111052074.93000001</v>
      </c>
      <c r="H37" s="428">
        <v>105306743.03</v>
      </c>
      <c r="I37" s="155"/>
    </row>
    <row r="38" spans="1:16" s="66" customFormat="1" ht="15" customHeight="1" x14ac:dyDescent="0.2">
      <c r="A38" s="27" t="s">
        <v>234</v>
      </c>
      <c r="B38" s="440">
        <v>638247435.26000023</v>
      </c>
      <c r="C38" s="440">
        <v>675193388.74000001</v>
      </c>
      <c r="D38" s="440">
        <v>686722991.47999978</v>
      </c>
      <c r="E38" s="440">
        <v>678230693.58000016</v>
      </c>
      <c r="F38" s="440">
        <v>668511788.90999985</v>
      </c>
      <c r="G38" s="362">
        <v>681477519.47000003</v>
      </c>
      <c r="H38" s="440">
        <v>688524893.60000002</v>
      </c>
      <c r="I38" s="155"/>
    </row>
    <row r="39" spans="1:16" ht="6" customHeight="1" x14ac:dyDescent="0.2">
      <c r="A39" s="775"/>
      <c r="B39" s="775"/>
      <c r="C39" s="775"/>
      <c r="D39" s="775"/>
      <c r="E39" s="775"/>
      <c r="F39" s="775"/>
      <c r="G39" s="775"/>
      <c r="H39" s="775"/>
    </row>
    <row r="40" spans="1:16" s="26" customFormat="1" ht="6" customHeight="1" x14ac:dyDescent="0.2">
      <c r="B40" s="300"/>
      <c r="C40" s="300"/>
      <c r="D40" s="300"/>
      <c r="E40" s="300"/>
      <c r="F40" s="300"/>
      <c r="G40" s="300"/>
      <c r="H40" s="300"/>
      <c r="I40" s="112"/>
    </row>
    <row r="41" spans="1:16" ht="11.25" customHeight="1" x14ac:dyDescent="0.2">
      <c r="A41" s="127"/>
      <c r="B41" s="771" t="s">
        <v>172</v>
      </c>
      <c r="C41" s="772"/>
      <c r="D41" s="772"/>
      <c r="E41" s="772"/>
      <c r="F41" s="772"/>
      <c r="G41" s="312" t="s">
        <v>170</v>
      </c>
      <c r="H41" s="312" t="s">
        <v>108</v>
      </c>
    </row>
    <row r="42" spans="1:16" ht="11.25" customHeight="1" x14ac:dyDescent="0.2">
      <c r="A42" s="267" t="s">
        <v>173</v>
      </c>
      <c r="B42" s="773"/>
      <c r="C42" s="774"/>
      <c r="D42" s="774"/>
      <c r="E42" s="774"/>
      <c r="F42" s="774"/>
      <c r="G42" s="313" t="s">
        <v>174</v>
      </c>
      <c r="H42" s="313" t="s">
        <v>112</v>
      </c>
    </row>
    <row r="43" spans="1:16" ht="15" customHeight="1" x14ac:dyDescent="0.2">
      <c r="A43" s="49"/>
      <c r="B43" s="622" t="s">
        <v>860</v>
      </c>
      <c r="C43" s="622" t="s">
        <v>865</v>
      </c>
      <c r="D43" s="622" t="s">
        <v>866</v>
      </c>
      <c r="E43" s="458" t="s">
        <v>867</v>
      </c>
      <c r="F43" s="458" t="s">
        <v>868</v>
      </c>
      <c r="G43" s="310" t="s">
        <v>175</v>
      </c>
      <c r="H43" s="317" t="s">
        <v>869</v>
      </c>
    </row>
    <row r="44" spans="1:16" s="66" customFormat="1" ht="10.5" x14ac:dyDescent="0.2">
      <c r="A44" s="128" t="s">
        <v>176</v>
      </c>
      <c r="B44" s="512">
        <v>1017361681.8899999</v>
      </c>
      <c r="C44" s="512">
        <v>1021125786.5299999</v>
      </c>
      <c r="D44" s="512">
        <v>1121384362.0599999</v>
      </c>
      <c r="E44" s="512">
        <v>1248841918.9300001</v>
      </c>
      <c r="F44" s="512">
        <v>1072939683.77</v>
      </c>
      <c r="G44" s="512">
        <v>12326485449.740002</v>
      </c>
      <c r="H44" s="515">
        <v>13404456200</v>
      </c>
      <c r="I44" s="155"/>
      <c r="O44" s="205"/>
      <c r="P44" s="205"/>
    </row>
    <row r="45" spans="1:16" ht="10.5" x14ac:dyDescent="0.2">
      <c r="A45" s="29" t="s">
        <v>177</v>
      </c>
      <c r="B45" s="428">
        <v>676435703.5999999</v>
      </c>
      <c r="C45" s="428">
        <v>679435823.20999992</v>
      </c>
      <c r="D45" s="428">
        <v>746714641.68999994</v>
      </c>
      <c r="E45" s="428">
        <v>921533301.37000012</v>
      </c>
      <c r="F45" s="428">
        <v>723324545.7099998</v>
      </c>
      <c r="G45" s="428">
        <v>8508856418.2999992</v>
      </c>
      <c r="H45" s="513">
        <v>9027845600</v>
      </c>
      <c r="O45" s="204"/>
      <c r="P45" s="205"/>
    </row>
    <row r="46" spans="1:16" ht="10.5" x14ac:dyDescent="0.2">
      <c r="A46" s="29" t="s">
        <v>415</v>
      </c>
      <c r="B46" s="428">
        <v>585179815.51999998</v>
      </c>
      <c r="C46" s="428">
        <v>577355560.66999996</v>
      </c>
      <c r="D46" s="428">
        <v>563798404.13</v>
      </c>
      <c r="E46" s="428">
        <v>597156953.74000001</v>
      </c>
      <c r="F46" s="428">
        <v>591768563.52999997</v>
      </c>
      <c r="G46" s="428">
        <v>7007583027.5699997</v>
      </c>
      <c r="H46" s="516">
        <v>7655071400</v>
      </c>
      <c r="O46" s="204"/>
      <c r="P46" s="205"/>
    </row>
    <row r="47" spans="1:16" ht="10.5" x14ac:dyDescent="0.2">
      <c r="A47" s="29" t="s">
        <v>416</v>
      </c>
      <c r="B47" s="428">
        <v>7473951.25</v>
      </c>
      <c r="C47" s="428">
        <v>6807575.2400000002</v>
      </c>
      <c r="D47" s="428">
        <v>27298786.489999998</v>
      </c>
      <c r="E47" s="428">
        <v>241836841.94</v>
      </c>
      <c r="F47" s="428">
        <v>46897280.259999998</v>
      </c>
      <c r="G47" s="428">
        <v>439089524.87</v>
      </c>
      <c r="H47" s="516">
        <v>317100000</v>
      </c>
      <c r="O47" s="204"/>
      <c r="P47" s="205"/>
    </row>
    <row r="48" spans="1:16" ht="10.5" x14ac:dyDescent="0.2">
      <c r="A48" s="29" t="s">
        <v>417</v>
      </c>
      <c r="B48" s="428">
        <v>10418904.140000001</v>
      </c>
      <c r="C48" s="428">
        <v>9829570.1799999997</v>
      </c>
      <c r="D48" s="428">
        <v>27108414.43</v>
      </c>
      <c r="E48" s="428">
        <v>19082923.440000001</v>
      </c>
      <c r="F48" s="428">
        <v>21030201.420000002</v>
      </c>
      <c r="G48" s="428">
        <v>144948404.05000001</v>
      </c>
      <c r="H48" s="516">
        <v>114800000</v>
      </c>
      <c r="O48" s="204"/>
      <c r="P48" s="205"/>
    </row>
    <row r="49" spans="1:16" ht="10.5" x14ac:dyDescent="0.2">
      <c r="A49" s="29" t="s">
        <v>414</v>
      </c>
      <c r="B49" s="428">
        <v>40132261.509999998</v>
      </c>
      <c r="C49" s="428">
        <v>62755535.130000003</v>
      </c>
      <c r="D49" s="428">
        <v>102080414.88</v>
      </c>
      <c r="E49" s="428">
        <v>42376082.43</v>
      </c>
      <c r="F49" s="428">
        <v>43610514.439999998</v>
      </c>
      <c r="G49" s="428">
        <v>618726005.91000009</v>
      </c>
      <c r="H49" s="516">
        <v>588500000</v>
      </c>
      <c r="O49" s="204"/>
      <c r="P49" s="205"/>
    </row>
    <row r="50" spans="1:16" ht="10.5" x14ac:dyDescent="0.2">
      <c r="A50" s="29" t="s">
        <v>418</v>
      </c>
      <c r="B50" s="428">
        <v>33230771.18</v>
      </c>
      <c r="C50" s="428">
        <v>22687581.989999998</v>
      </c>
      <c r="D50" s="428">
        <v>26428621.760000002</v>
      </c>
      <c r="E50" s="428">
        <v>21080499.82</v>
      </c>
      <c r="F50" s="428">
        <v>20017986.059999999</v>
      </c>
      <c r="G50" s="428">
        <v>298509455.90000004</v>
      </c>
      <c r="H50" s="516">
        <v>352374200</v>
      </c>
      <c r="O50" s="204"/>
      <c r="P50" s="205"/>
    </row>
    <row r="51" spans="1:16" ht="10.5" x14ac:dyDescent="0.2">
      <c r="A51" s="29" t="s">
        <v>178</v>
      </c>
      <c r="B51" s="428">
        <v>24721524.100000001</v>
      </c>
      <c r="C51" s="428">
        <v>41829069.049999997</v>
      </c>
      <c r="D51" s="428">
        <v>54070208.149999999</v>
      </c>
      <c r="E51" s="428">
        <v>24000744.23</v>
      </c>
      <c r="F51" s="428">
        <v>28059780.27</v>
      </c>
      <c r="G51" s="428">
        <v>386077203.19999999</v>
      </c>
      <c r="H51" s="516">
        <v>411000000</v>
      </c>
      <c r="O51" s="204"/>
      <c r="P51" s="205"/>
    </row>
    <row r="52" spans="1:16" ht="10.5" x14ac:dyDescent="0.2">
      <c r="A52" s="29" t="s">
        <v>179</v>
      </c>
      <c r="B52" s="428">
        <v>23712441.399999999</v>
      </c>
      <c r="C52" s="428">
        <v>22681298.59</v>
      </c>
      <c r="D52" s="428">
        <v>23635513.210000001</v>
      </c>
      <c r="E52" s="428">
        <v>21980605.399999999</v>
      </c>
      <c r="F52" s="428">
        <v>19046142.210000001</v>
      </c>
      <c r="G52" s="428">
        <v>180776114.60000002</v>
      </c>
      <c r="H52" s="516">
        <v>128398100</v>
      </c>
      <c r="O52" s="204"/>
      <c r="P52" s="205"/>
    </row>
    <row r="53" spans="1:16" ht="10.5" x14ac:dyDescent="0.2">
      <c r="A53" s="29" t="s">
        <v>180</v>
      </c>
      <c r="B53" s="428">
        <v>0</v>
      </c>
      <c r="C53" s="428">
        <v>0</v>
      </c>
      <c r="D53" s="428">
        <v>0</v>
      </c>
      <c r="E53" s="428">
        <v>0</v>
      </c>
      <c r="F53" s="428">
        <v>0</v>
      </c>
      <c r="G53" s="428">
        <v>0</v>
      </c>
      <c r="H53" s="513">
        <v>0</v>
      </c>
      <c r="O53" s="204"/>
      <c r="P53" s="205"/>
    </row>
    <row r="54" spans="1:16" ht="10.5" x14ac:dyDescent="0.2">
      <c r="A54" s="29" t="s">
        <v>181</v>
      </c>
      <c r="B54" s="428">
        <v>0</v>
      </c>
      <c r="C54" s="428">
        <v>0</v>
      </c>
      <c r="D54" s="428">
        <v>0</v>
      </c>
      <c r="E54" s="428">
        <v>0</v>
      </c>
      <c r="F54" s="428">
        <v>0</v>
      </c>
      <c r="G54" s="428">
        <v>0</v>
      </c>
      <c r="H54" s="513">
        <v>0</v>
      </c>
      <c r="O54" s="204"/>
      <c r="P54" s="205"/>
    </row>
    <row r="55" spans="1:16" ht="10.5" x14ac:dyDescent="0.2">
      <c r="A55" s="29" t="s">
        <v>186</v>
      </c>
      <c r="B55" s="428">
        <v>41792186.060000002</v>
      </c>
      <c r="C55" s="428">
        <v>38853775.020000003</v>
      </c>
      <c r="D55" s="428">
        <v>49028947.229999997</v>
      </c>
      <c r="E55" s="428">
        <v>34355209.799999997</v>
      </c>
      <c r="F55" s="428">
        <v>31589484.949999999</v>
      </c>
      <c r="G55" s="428">
        <v>491306202.62</v>
      </c>
      <c r="H55" s="516">
        <v>530646800</v>
      </c>
      <c r="O55" s="204"/>
      <c r="P55" s="205"/>
    </row>
    <row r="56" spans="1:16" ht="10.5" x14ac:dyDescent="0.2">
      <c r="A56" s="29" t="s">
        <v>182</v>
      </c>
      <c r="B56" s="428">
        <v>241546452.93000001</v>
      </c>
      <c r="C56" s="428">
        <v>225554294.39000002</v>
      </c>
      <c r="D56" s="428">
        <v>234808987.07999998</v>
      </c>
      <c r="E56" s="428">
        <v>237028617.94999996</v>
      </c>
      <c r="F56" s="428">
        <v>263624754.19000003</v>
      </c>
      <c r="G56" s="428">
        <v>2625145464.5799999</v>
      </c>
      <c r="H56" s="513">
        <v>3097934400</v>
      </c>
      <c r="O56" s="204"/>
      <c r="P56" s="205"/>
    </row>
    <row r="57" spans="1:16" ht="10.5" x14ac:dyDescent="0.2">
      <c r="A57" s="29" t="s">
        <v>419</v>
      </c>
      <c r="B57" s="428">
        <v>73029577.859999999</v>
      </c>
      <c r="C57" s="428">
        <v>82456126.079999998</v>
      </c>
      <c r="D57" s="428">
        <v>94815083.159999996</v>
      </c>
      <c r="E57" s="428">
        <v>90344216.370000005</v>
      </c>
      <c r="F57" s="428">
        <v>113372572.09</v>
      </c>
      <c r="G57" s="428">
        <v>1011964941.37</v>
      </c>
      <c r="H57" s="516">
        <v>1164100000</v>
      </c>
      <c r="O57" s="204"/>
      <c r="P57" s="205"/>
    </row>
    <row r="58" spans="1:16" ht="10.5" x14ac:dyDescent="0.2">
      <c r="A58" s="29" t="s">
        <v>420</v>
      </c>
      <c r="B58" s="428">
        <v>1504729.69</v>
      </c>
      <c r="C58" s="428">
        <v>1504729.69</v>
      </c>
      <c r="D58" s="428">
        <v>1504729.69</v>
      </c>
      <c r="E58" s="428">
        <v>1504729.69</v>
      </c>
      <c r="F58" s="428">
        <v>1504729.69</v>
      </c>
      <c r="G58" s="428">
        <v>21066215.649999999</v>
      </c>
      <c r="H58" s="516">
        <v>18100000</v>
      </c>
      <c r="O58" s="204"/>
      <c r="P58" s="205"/>
    </row>
    <row r="59" spans="1:16" ht="10.5" x14ac:dyDescent="0.2">
      <c r="A59" s="29" t="s">
        <v>421</v>
      </c>
      <c r="B59" s="428">
        <v>8386749.8300000001</v>
      </c>
      <c r="C59" s="428">
        <v>7641073.2000000002</v>
      </c>
      <c r="D59" s="428">
        <v>7545093.4199999999</v>
      </c>
      <c r="E59" s="428">
        <v>8756482.0800000001</v>
      </c>
      <c r="F59" s="428">
        <v>6762659.7000000002</v>
      </c>
      <c r="G59" s="428">
        <v>89009574.109999999</v>
      </c>
      <c r="H59" s="516">
        <v>118900000</v>
      </c>
      <c r="O59" s="204"/>
      <c r="P59" s="205"/>
    </row>
    <row r="60" spans="1:16" ht="10.5" x14ac:dyDescent="0.2">
      <c r="A60" s="29" t="s">
        <v>422</v>
      </c>
      <c r="B60" s="428">
        <v>73627497.010000005</v>
      </c>
      <c r="C60" s="428">
        <v>72069756.829999998</v>
      </c>
      <c r="D60" s="428">
        <v>72920154.700000003</v>
      </c>
      <c r="E60" s="428">
        <v>75390973.25</v>
      </c>
      <c r="F60" s="428">
        <v>93082638.75</v>
      </c>
      <c r="G60" s="428">
        <v>866301904.96000016</v>
      </c>
      <c r="H60" s="516">
        <v>922938000</v>
      </c>
      <c r="O60" s="204"/>
      <c r="P60" s="205"/>
    </row>
    <row r="61" spans="1:16" ht="10.5" x14ac:dyDescent="0.2">
      <c r="A61" s="29" t="s">
        <v>423</v>
      </c>
      <c r="B61" s="428">
        <v>84997898.540000007</v>
      </c>
      <c r="C61" s="428">
        <v>61882608.590000004</v>
      </c>
      <c r="D61" s="428">
        <v>58023926.109999999</v>
      </c>
      <c r="E61" s="428">
        <v>61032216.559999973</v>
      </c>
      <c r="F61" s="428">
        <v>48902153.960000001</v>
      </c>
      <c r="G61" s="428">
        <v>636802828.49000001</v>
      </c>
      <c r="H61" s="627">
        <v>873896400</v>
      </c>
      <c r="O61" s="204"/>
      <c r="P61" s="205"/>
    </row>
    <row r="62" spans="1:16" ht="10.5" x14ac:dyDescent="0.2">
      <c r="A62" s="29" t="s">
        <v>183</v>
      </c>
      <c r="B62" s="428">
        <v>9153373.8000000007</v>
      </c>
      <c r="C62" s="428">
        <v>12771526.27</v>
      </c>
      <c r="D62" s="428">
        <v>13126064.699999999</v>
      </c>
      <c r="E62" s="428">
        <v>9943440.1799999997</v>
      </c>
      <c r="F62" s="428">
        <v>7294976.4400000004</v>
      </c>
      <c r="G62" s="428">
        <v>134324046.43999997</v>
      </c>
      <c r="H62" s="516">
        <v>208631300</v>
      </c>
      <c r="O62" s="204"/>
      <c r="P62" s="205"/>
    </row>
    <row r="63" spans="1:16" s="66" customFormat="1" ht="10.5" x14ac:dyDescent="0.2">
      <c r="A63" s="129" t="s">
        <v>184</v>
      </c>
      <c r="B63" s="426">
        <v>294352118.26999998</v>
      </c>
      <c r="C63" s="426">
        <v>307179950.60000002</v>
      </c>
      <c r="D63" s="426">
        <v>301383847.33999997</v>
      </c>
      <c r="E63" s="426">
        <v>335757239.55000001</v>
      </c>
      <c r="F63" s="426">
        <v>427089836.84000003</v>
      </c>
      <c r="G63" s="426">
        <v>3793686298.1200004</v>
      </c>
      <c r="H63" s="517">
        <v>4108290300</v>
      </c>
      <c r="I63" s="155"/>
      <c r="O63" s="205"/>
      <c r="P63" s="205"/>
    </row>
    <row r="64" spans="1:16" ht="10.5" x14ac:dyDescent="0.2">
      <c r="A64" s="29" t="s">
        <v>185</v>
      </c>
      <c r="B64" s="428">
        <v>162234780.44999999</v>
      </c>
      <c r="C64" s="428">
        <v>157568838.93000001</v>
      </c>
      <c r="D64" s="428">
        <v>133428566.73999999</v>
      </c>
      <c r="E64" s="428">
        <v>172406565.69</v>
      </c>
      <c r="F64" s="428">
        <v>275933230.48000002</v>
      </c>
      <c r="G64" s="428">
        <v>2052234734.4600003</v>
      </c>
      <c r="H64" s="516">
        <v>2199871000</v>
      </c>
      <c r="O64" s="204"/>
      <c r="P64" s="205"/>
    </row>
    <row r="65" spans="1:16" ht="10.5" x14ac:dyDescent="0.2">
      <c r="A65" s="29" t="s">
        <v>364</v>
      </c>
      <c r="B65" s="428">
        <v>24721524.100000001</v>
      </c>
      <c r="C65" s="428">
        <v>41639238.020000003</v>
      </c>
      <c r="D65" s="428">
        <v>54011287.420000002</v>
      </c>
      <c r="E65" s="428">
        <v>23930991.16</v>
      </c>
      <c r="F65" s="428">
        <v>27995465.239999998</v>
      </c>
      <c r="G65" s="428">
        <v>385803393.61000001</v>
      </c>
      <c r="H65" s="516">
        <v>383000000</v>
      </c>
      <c r="O65" s="204"/>
      <c r="P65" s="205"/>
    </row>
    <row r="66" spans="1:16" ht="10.5" x14ac:dyDescent="0.2">
      <c r="A66" s="29" t="s">
        <v>424</v>
      </c>
      <c r="B66" s="428">
        <v>0</v>
      </c>
      <c r="C66" s="428">
        <v>189831.03</v>
      </c>
      <c r="D66" s="428">
        <v>58920.73</v>
      </c>
      <c r="E66" s="428">
        <v>69753.070000000007</v>
      </c>
      <c r="F66" s="428">
        <v>64315.03</v>
      </c>
      <c r="G66" s="428">
        <v>811827.27</v>
      </c>
      <c r="H66" s="516">
        <v>28000000</v>
      </c>
      <c r="O66" s="204"/>
      <c r="P66" s="205"/>
    </row>
    <row r="67" spans="1:16" ht="10.5" x14ac:dyDescent="0.2">
      <c r="A67" s="29" t="s">
        <v>223</v>
      </c>
      <c r="B67" s="428">
        <v>0</v>
      </c>
      <c r="C67" s="428">
        <v>0</v>
      </c>
      <c r="D67" s="428">
        <v>0</v>
      </c>
      <c r="E67" s="428">
        <v>0</v>
      </c>
      <c r="F67" s="428">
        <v>0</v>
      </c>
      <c r="G67" s="428">
        <v>433799.84</v>
      </c>
      <c r="H67" s="516">
        <v>31897000</v>
      </c>
      <c r="O67" s="204"/>
      <c r="P67" s="205"/>
    </row>
    <row r="68" spans="1:16" s="66" customFormat="1" ht="10.5" x14ac:dyDescent="0.2">
      <c r="A68" s="29" t="s">
        <v>226</v>
      </c>
      <c r="B68" s="428">
        <v>107395813.72</v>
      </c>
      <c r="C68" s="428">
        <v>107782042.62</v>
      </c>
      <c r="D68" s="428">
        <v>113885072.45</v>
      </c>
      <c r="E68" s="428">
        <v>139349929.63000003</v>
      </c>
      <c r="F68" s="428">
        <v>123096826.09000002</v>
      </c>
      <c r="G68" s="428">
        <v>1354402542.9400001</v>
      </c>
      <c r="H68" s="516">
        <v>1465522300</v>
      </c>
      <c r="I68" s="217"/>
      <c r="J68" s="264"/>
      <c r="K68" s="264"/>
      <c r="L68" s="264"/>
      <c r="O68" s="205"/>
      <c r="P68" s="205"/>
    </row>
    <row r="69" spans="1:16" s="66" customFormat="1" ht="15" customHeight="1" x14ac:dyDescent="0.2">
      <c r="A69" s="27" t="s">
        <v>234</v>
      </c>
      <c r="B69" s="362">
        <v>723009563.61999989</v>
      </c>
      <c r="C69" s="440">
        <v>713945835.92999983</v>
      </c>
      <c r="D69" s="362">
        <v>820000514.72000003</v>
      </c>
      <c r="E69" s="362">
        <v>913084679.38000011</v>
      </c>
      <c r="F69" s="362">
        <v>645849846.92999995</v>
      </c>
      <c r="G69" s="362">
        <v>8532799151.6200008</v>
      </c>
      <c r="H69" s="440">
        <v>9296165900</v>
      </c>
      <c r="I69" s="155"/>
      <c r="O69" s="205"/>
      <c r="P69" s="205"/>
    </row>
    <row r="70" spans="1:16" ht="10.5" x14ac:dyDescent="0.2">
      <c r="A70" s="74" t="s">
        <v>848</v>
      </c>
      <c r="B70" s="314"/>
      <c r="C70" s="314"/>
      <c r="D70" s="314"/>
      <c r="E70" s="314"/>
      <c r="F70" s="314"/>
      <c r="G70" s="314"/>
      <c r="H70" s="315"/>
    </row>
    <row r="79" spans="1:16" s="45" customFormat="1" ht="11.25" customHeight="1" x14ac:dyDescent="0.2"/>
    <row r="80" spans="1:16" s="45" customFormat="1" ht="11.25" customHeight="1" x14ac:dyDescent="0.2"/>
    <row r="81" s="45" customFormat="1" ht="11.25" customHeight="1" x14ac:dyDescent="0.2"/>
    <row r="82" s="45" customFormat="1" ht="11.25" customHeight="1" x14ac:dyDescent="0.2"/>
    <row r="83" s="45" customFormat="1" ht="11.25" customHeight="1" x14ac:dyDescent="0.2"/>
    <row r="84" s="45" customFormat="1" ht="11.25" customHeight="1" x14ac:dyDescent="0.2"/>
    <row r="85" s="45" customFormat="1" ht="11.25" customHeight="1" x14ac:dyDescent="0.2"/>
  </sheetData>
  <customSheetViews>
    <customSheetView guid="{C779D862-DE28-46CD-A428-4AAA1056D1E1}" showPageBreaks="1" showGridLines="0" fitToPage="1" printArea="1">
      <selection activeCell="A7" sqref="A7:H7"/>
      <pageMargins left="0.19685039370078741" right="0.19685039370078741" top="0.59055118110236227" bottom="0.19685039370078741" header="0" footer="0"/>
      <printOptions horizontalCentered="1"/>
      <pageSetup paperSize="9" scale="55" orientation="portrait" r:id="rId1"/>
      <headerFooter alignWithMargins="0"/>
    </customSheetView>
    <customSheetView guid="{B467DF90-BD78-4523-834B-7425556A2F17}" showPageBreaks="1" showGridLines="0" fitToPage="1" printArea="1">
      <selection activeCell="A7" sqref="A7:H7"/>
      <pageMargins left="0.19685039370078741" right="0.19685039370078741" top="0.59055118110236227" bottom="0.19685039370078741" header="0" footer="0"/>
      <printOptions horizontalCentered="1"/>
      <pageSetup paperSize="9" scale="56" orientation="portrait" r:id="rId2"/>
      <headerFooter alignWithMargins="0"/>
    </customSheetView>
    <customSheetView guid="{3AAF6A5F-F9AA-430B-9AD9-1261ECDF41B5}" showPageBreaks="1" showGridLines="0" fitToPage="1" printArea="1" topLeftCell="A43">
      <selection activeCell="E126" sqref="E126"/>
      <pageMargins left="0.19685039370078741" right="0.19685039370078741" top="0.59055118110236227" bottom="0.19685039370078741" header="0" footer="0"/>
      <printOptions horizontalCentered="1"/>
      <pageSetup paperSize="9" scale="55" orientation="portrait" r:id="rId3"/>
      <headerFooter alignWithMargins="0"/>
    </customSheetView>
    <customSheetView guid="{25EF1E0D-169B-4051-B414-7E1196FC05E4}" showPageBreaks="1" showGridLines="0" fitToPage="1" printArea="1">
      <selection activeCell="A7" sqref="A7:H7"/>
      <pageMargins left="0.19685039370078741" right="0.19685039370078741" top="0.59055118110236227" bottom="0.19685039370078741" header="0" footer="0"/>
      <printOptions horizontalCentered="1"/>
      <pageSetup paperSize="9" scale="56" orientation="portrait" r:id="rId4"/>
      <headerFooter alignWithMargins="0"/>
    </customSheetView>
    <customSheetView guid="{6DBFA32C-4AA4-4E1D-9A48-697377C64CC3}" showPageBreaks="1" showGridLines="0" fitToPage="1" printArea="1" topLeftCell="A37">
      <selection activeCell="A72" sqref="A72"/>
      <pageMargins left="0.19685039370078741" right="0.19685039370078741" top="0.59055118110236227" bottom="0.19685039370078741" header="0" footer="0"/>
      <printOptions horizontalCentered="1"/>
      <pageSetup paperSize="9" scale="56"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7"/>
      <headerFooter alignWithMargins="0"/>
    </customSheetView>
    <customSheetView guid="{82EDB5A4-4824-4632-A540-7A52C92F04C7}" showPageBreaks="1" showGridLines="0" fitToPage="1" printArea="1" topLeftCell="A37">
      <selection activeCell="E46" sqref="E46"/>
      <pageMargins left="0.19685039370078741" right="0.19685039370078741" top="0.59055118110236227" bottom="0.19685039370078741" header="0" footer="0"/>
      <printOptions horizontalCentered="1"/>
      <pageSetup paperSize="9" scale="56" orientation="portrait" r:id="rId8"/>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4" orientation="portrait" r:id="rId9"/>
  <headerFooter alignWithMargins="0"/>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136"/>
  <sheetViews>
    <sheetView showGridLines="0" zoomScaleNormal="100" workbookViewId="0"/>
  </sheetViews>
  <sheetFormatPr defaultColWidth="7.85546875" defaultRowHeight="11.25" customHeight="1" x14ac:dyDescent="0.2"/>
  <cols>
    <col min="1" max="1" width="66.42578125" style="179" customWidth="1"/>
    <col min="2" max="3" width="21.7109375" style="179" bestFit="1" customWidth="1"/>
    <col min="4" max="5" width="19" style="179" bestFit="1" customWidth="1"/>
    <col min="6" max="6" width="20.140625" style="178" customWidth="1"/>
    <col min="7" max="7" width="19" style="179" bestFit="1" customWidth="1"/>
    <col min="8" max="8" width="17.42578125" style="179" bestFit="1" customWidth="1"/>
    <col min="9" max="9" width="17.42578125" style="178" bestFit="1" customWidth="1"/>
    <col min="10" max="10" width="7.85546875" style="217"/>
    <col min="11" max="16384" width="7.85546875" style="179"/>
  </cols>
  <sheetData>
    <row r="1" spans="1:11" s="26" customFormat="1" ht="10.5" x14ac:dyDescent="0.2">
      <c r="A1" s="291"/>
      <c r="B1" s="291"/>
      <c r="C1" s="291"/>
      <c r="D1" s="291"/>
      <c r="E1" s="291"/>
      <c r="F1" s="291"/>
      <c r="G1" s="291"/>
      <c r="H1" s="291"/>
      <c r="I1" s="291"/>
      <c r="J1" s="112"/>
    </row>
    <row r="2" spans="1:11" s="26" customFormat="1" ht="11.25" customHeight="1" x14ac:dyDescent="0.2">
      <c r="A2" s="180"/>
      <c r="F2" s="112"/>
      <c r="I2" s="112"/>
      <c r="J2" s="112"/>
    </row>
    <row r="3" spans="1:11" s="45" customFormat="1" ht="11.25" customHeight="1" x14ac:dyDescent="0.2">
      <c r="A3" s="731" t="s">
        <v>637</v>
      </c>
      <c r="B3" s="731"/>
      <c r="C3" s="731"/>
      <c r="D3" s="731"/>
      <c r="E3" s="731"/>
      <c r="F3" s="731"/>
      <c r="G3" s="731"/>
      <c r="H3" s="731"/>
      <c r="I3" s="731"/>
      <c r="J3" s="62"/>
    </row>
    <row r="4" spans="1:11" s="45" customFormat="1" ht="11.25" customHeight="1" x14ac:dyDescent="0.2">
      <c r="A4" s="731" t="s">
        <v>105</v>
      </c>
      <c r="B4" s="731"/>
      <c r="C4" s="731"/>
      <c r="D4" s="731"/>
      <c r="E4" s="731"/>
      <c r="F4" s="731"/>
      <c r="G4" s="731"/>
      <c r="H4" s="731"/>
      <c r="I4" s="731"/>
      <c r="J4" s="62"/>
    </row>
    <row r="5" spans="1:11" s="45" customFormat="1" ht="11.25" customHeight="1" x14ac:dyDescent="0.2">
      <c r="A5" s="731" t="s">
        <v>127</v>
      </c>
      <c r="B5" s="731"/>
      <c r="C5" s="731"/>
      <c r="D5" s="731"/>
      <c r="E5" s="731"/>
      <c r="F5" s="731"/>
      <c r="G5" s="731"/>
      <c r="H5" s="731"/>
      <c r="I5" s="731"/>
      <c r="J5" s="56"/>
    </row>
    <row r="6" spans="1:11" s="45" customFormat="1" ht="11.25" customHeight="1" x14ac:dyDescent="0.2">
      <c r="A6" s="751" t="s">
        <v>738</v>
      </c>
      <c r="B6" s="751"/>
      <c r="C6" s="751"/>
      <c r="D6" s="751"/>
      <c r="E6" s="751"/>
      <c r="F6" s="751"/>
      <c r="G6" s="751"/>
      <c r="H6" s="751"/>
      <c r="I6" s="751"/>
      <c r="J6" s="56"/>
    </row>
    <row r="7" spans="1:11" s="45" customFormat="1" ht="11.25" customHeight="1" x14ac:dyDescent="0.2">
      <c r="A7" s="731" t="s">
        <v>863</v>
      </c>
      <c r="B7" s="731"/>
      <c r="C7" s="731"/>
      <c r="D7" s="731"/>
      <c r="E7" s="731"/>
      <c r="F7" s="731"/>
      <c r="G7" s="731"/>
      <c r="H7" s="731"/>
      <c r="I7" s="731"/>
      <c r="J7" s="56"/>
    </row>
    <row r="8" spans="1:11" s="26" customFormat="1" ht="11.25" customHeight="1" x14ac:dyDescent="0.2">
      <c r="F8" s="112"/>
      <c r="I8" s="112"/>
      <c r="J8" s="112"/>
    </row>
    <row r="9" spans="1:11" s="26" customFormat="1" ht="11.25" customHeight="1" x14ac:dyDescent="0.2">
      <c r="A9" s="26" t="s">
        <v>365</v>
      </c>
      <c r="F9" s="832"/>
      <c r="G9" s="832"/>
      <c r="I9" s="625">
        <v>1</v>
      </c>
      <c r="J9" s="112"/>
    </row>
    <row r="10" spans="1:11" s="66" customFormat="1" ht="15" customHeight="1" x14ac:dyDescent="0.15">
      <c r="A10" s="766" t="s">
        <v>110</v>
      </c>
      <c r="B10" s="830" t="s">
        <v>108</v>
      </c>
      <c r="C10" s="831"/>
      <c r="D10" s="830" t="s">
        <v>108</v>
      </c>
      <c r="E10" s="831"/>
      <c r="F10" s="780" t="s">
        <v>109</v>
      </c>
      <c r="G10" s="812"/>
      <c r="H10" s="812"/>
      <c r="I10" s="812"/>
      <c r="J10" s="155"/>
    </row>
    <row r="11" spans="1:11" s="66" customFormat="1" ht="15" customHeight="1" x14ac:dyDescent="0.2">
      <c r="A11" s="769"/>
      <c r="B11" s="799" t="s">
        <v>111</v>
      </c>
      <c r="C11" s="800"/>
      <c r="D11" s="802" t="s">
        <v>112</v>
      </c>
      <c r="E11" s="769"/>
      <c r="F11" s="764" t="s">
        <v>115</v>
      </c>
      <c r="G11" s="766"/>
      <c r="H11" s="764" t="s">
        <v>115</v>
      </c>
      <c r="I11" s="765"/>
      <c r="J11" s="155"/>
    </row>
    <row r="12" spans="1:11" s="66" customFormat="1" ht="15" customHeight="1" x14ac:dyDescent="0.2">
      <c r="A12" s="770"/>
      <c r="B12" s="781"/>
      <c r="C12" s="801"/>
      <c r="D12" s="803"/>
      <c r="E12" s="770"/>
      <c r="F12" s="799">
        <v>2016</v>
      </c>
      <c r="G12" s="800"/>
      <c r="H12" s="802">
        <v>2015</v>
      </c>
      <c r="I12" s="804"/>
      <c r="J12" s="155"/>
    </row>
    <row r="13" spans="1:11" ht="10.5" x14ac:dyDescent="0.2">
      <c r="A13" s="155" t="s">
        <v>281</v>
      </c>
      <c r="B13" s="700">
        <v>442897000</v>
      </c>
      <c r="C13" s="701"/>
      <c r="D13" s="700">
        <v>483860036.13999999</v>
      </c>
      <c r="E13" s="701"/>
      <c r="F13" s="700">
        <v>56441044.920000002</v>
      </c>
      <c r="G13" s="701"/>
      <c r="H13" s="700">
        <v>28104614.239999998</v>
      </c>
      <c r="I13" s="715"/>
      <c r="J13" s="409"/>
      <c r="K13" s="204"/>
    </row>
    <row r="14" spans="1:11" ht="10.5" x14ac:dyDescent="0.2">
      <c r="A14" s="155" t="s">
        <v>8</v>
      </c>
      <c r="B14" s="698">
        <v>442897000</v>
      </c>
      <c r="C14" s="699"/>
      <c r="D14" s="698">
        <v>483860036.13999999</v>
      </c>
      <c r="E14" s="699"/>
      <c r="F14" s="698">
        <v>56441044.920000002</v>
      </c>
      <c r="G14" s="699"/>
      <c r="H14" s="698">
        <v>28104614.239999998</v>
      </c>
      <c r="I14" s="718"/>
      <c r="J14" s="409"/>
      <c r="K14" s="204"/>
    </row>
    <row r="15" spans="1:11" ht="10.5" x14ac:dyDescent="0.2">
      <c r="A15" s="179" t="s">
        <v>128</v>
      </c>
      <c r="B15" s="686">
        <v>411000000</v>
      </c>
      <c r="C15" s="687"/>
      <c r="D15" s="686">
        <v>443574299.75999999</v>
      </c>
      <c r="E15" s="687"/>
      <c r="F15" s="686">
        <v>48052308.539999999</v>
      </c>
      <c r="G15" s="687"/>
      <c r="H15" s="686">
        <v>26988517.129999999</v>
      </c>
      <c r="I15" s="706"/>
      <c r="J15" s="409"/>
      <c r="K15" s="204"/>
    </row>
    <row r="16" spans="1:11" ht="10.5" x14ac:dyDescent="0.2">
      <c r="A16" s="179" t="s">
        <v>282</v>
      </c>
      <c r="B16" s="686">
        <v>143000000</v>
      </c>
      <c r="C16" s="687"/>
      <c r="D16" s="686">
        <v>175574299.75999999</v>
      </c>
      <c r="E16" s="687"/>
      <c r="F16" s="686">
        <v>42240973.68</v>
      </c>
      <c r="G16" s="687"/>
      <c r="H16" s="686">
        <v>22703883.489999998</v>
      </c>
      <c r="I16" s="706"/>
      <c r="J16" s="409"/>
      <c r="K16" s="204"/>
    </row>
    <row r="17" spans="1:11" ht="10.5" x14ac:dyDescent="0.2">
      <c r="A17" s="264" t="s">
        <v>129</v>
      </c>
      <c r="B17" s="686">
        <v>0</v>
      </c>
      <c r="C17" s="687"/>
      <c r="D17" s="686">
        <v>32574299.759999998</v>
      </c>
      <c r="E17" s="687"/>
      <c r="F17" s="686">
        <v>32574299.759999998</v>
      </c>
      <c r="G17" s="687"/>
      <c r="H17" s="686">
        <v>22703883.489999998</v>
      </c>
      <c r="I17" s="706"/>
      <c r="J17" s="409"/>
      <c r="K17" s="204"/>
    </row>
    <row r="18" spans="1:11" ht="10.5" x14ac:dyDescent="0.2">
      <c r="A18" s="179" t="s">
        <v>130</v>
      </c>
      <c r="B18" s="686">
        <v>98000000</v>
      </c>
      <c r="C18" s="687"/>
      <c r="D18" s="686">
        <v>98000000</v>
      </c>
      <c r="E18" s="687"/>
      <c r="F18" s="686">
        <v>7875737.04</v>
      </c>
      <c r="G18" s="687"/>
      <c r="H18" s="686">
        <v>0</v>
      </c>
      <c r="I18" s="706"/>
      <c r="J18" s="409"/>
      <c r="K18" s="204"/>
    </row>
    <row r="19" spans="1:11" ht="10.5" x14ac:dyDescent="0.2">
      <c r="A19" s="179" t="s">
        <v>131</v>
      </c>
      <c r="B19" s="686">
        <v>45000000</v>
      </c>
      <c r="C19" s="687"/>
      <c r="D19" s="686">
        <v>45000000</v>
      </c>
      <c r="E19" s="687"/>
      <c r="F19" s="686">
        <v>1790936.88</v>
      </c>
      <c r="G19" s="687"/>
      <c r="H19" s="686">
        <v>0</v>
      </c>
      <c r="I19" s="706"/>
      <c r="J19" s="409"/>
      <c r="K19" s="204"/>
    </row>
    <row r="20" spans="1:11" ht="10.5" x14ac:dyDescent="0.2">
      <c r="A20" s="179" t="s">
        <v>283</v>
      </c>
      <c r="B20" s="686">
        <v>268000000</v>
      </c>
      <c r="C20" s="687"/>
      <c r="D20" s="686">
        <v>268000000</v>
      </c>
      <c r="E20" s="687"/>
      <c r="F20" s="686">
        <v>5811334.8599999994</v>
      </c>
      <c r="G20" s="687"/>
      <c r="H20" s="686">
        <v>4284633.6399999997</v>
      </c>
      <c r="I20" s="706"/>
      <c r="J20" s="409"/>
      <c r="K20" s="204"/>
    </row>
    <row r="21" spans="1:11" ht="10.5" x14ac:dyDescent="0.2">
      <c r="A21" s="179" t="s">
        <v>132</v>
      </c>
      <c r="B21" s="686">
        <v>185000000</v>
      </c>
      <c r="C21" s="687"/>
      <c r="D21" s="686">
        <v>185000000</v>
      </c>
      <c r="E21" s="687"/>
      <c r="F21" s="686">
        <v>3856791.94</v>
      </c>
      <c r="G21" s="687"/>
      <c r="H21" s="686">
        <v>4284633.6399999997</v>
      </c>
      <c r="I21" s="706"/>
      <c r="J21" s="409"/>
      <c r="K21" s="204"/>
    </row>
    <row r="22" spans="1:11" ht="10.5" x14ac:dyDescent="0.2">
      <c r="A22" s="179" t="s">
        <v>133</v>
      </c>
      <c r="B22" s="686">
        <v>55000000</v>
      </c>
      <c r="C22" s="687"/>
      <c r="D22" s="686">
        <v>55000000</v>
      </c>
      <c r="E22" s="687"/>
      <c r="F22" s="686">
        <v>1820474.82</v>
      </c>
      <c r="G22" s="687"/>
      <c r="H22" s="686">
        <v>0</v>
      </c>
      <c r="I22" s="706"/>
      <c r="J22" s="409"/>
      <c r="K22" s="204"/>
    </row>
    <row r="23" spans="1:11" ht="10.5" x14ac:dyDescent="0.2">
      <c r="A23" s="179" t="s">
        <v>739</v>
      </c>
      <c r="B23" s="686">
        <v>28000000</v>
      </c>
      <c r="C23" s="687"/>
      <c r="D23" s="686">
        <v>28000000</v>
      </c>
      <c r="E23" s="687"/>
      <c r="F23" s="686">
        <v>134068.1</v>
      </c>
      <c r="G23" s="687"/>
      <c r="H23" s="686">
        <v>0</v>
      </c>
      <c r="I23" s="706"/>
      <c r="J23" s="409"/>
      <c r="K23" s="204"/>
    </row>
    <row r="24" spans="1:11" ht="10.5" x14ac:dyDescent="0.2">
      <c r="A24" s="179" t="s">
        <v>155</v>
      </c>
      <c r="B24" s="686">
        <v>0</v>
      </c>
      <c r="C24" s="687"/>
      <c r="D24" s="686">
        <v>0</v>
      </c>
      <c r="E24" s="687"/>
      <c r="F24" s="686">
        <v>0</v>
      </c>
      <c r="G24" s="687"/>
      <c r="H24" s="686">
        <v>319006.75</v>
      </c>
      <c r="I24" s="706"/>
      <c r="J24" s="409"/>
      <c r="K24" s="204"/>
    </row>
    <row r="25" spans="1:11" ht="10.5" x14ac:dyDescent="0.2">
      <c r="A25" s="179" t="s">
        <v>311</v>
      </c>
      <c r="B25" s="686">
        <v>0</v>
      </c>
      <c r="C25" s="687"/>
      <c r="D25" s="686">
        <v>7947845.5300000003</v>
      </c>
      <c r="E25" s="687"/>
      <c r="F25" s="686">
        <v>7947845.5300000003</v>
      </c>
      <c r="G25" s="687"/>
      <c r="H25" s="686">
        <v>59855.49</v>
      </c>
      <c r="I25" s="706"/>
      <c r="J25" s="409"/>
      <c r="K25" s="204"/>
    </row>
    <row r="26" spans="1:11" ht="10.5" x14ac:dyDescent="0.2">
      <c r="A26" s="179" t="s">
        <v>16</v>
      </c>
      <c r="B26" s="686">
        <v>0</v>
      </c>
      <c r="C26" s="687"/>
      <c r="D26" s="686">
        <v>1954</v>
      </c>
      <c r="E26" s="687"/>
      <c r="F26" s="686">
        <v>1954</v>
      </c>
      <c r="G26" s="687"/>
      <c r="H26" s="686">
        <v>2061.4699999999998</v>
      </c>
      <c r="I26" s="706"/>
      <c r="J26" s="409"/>
      <c r="K26" s="204"/>
    </row>
    <row r="27" spans="1:11" ht="10.5" x14ac:dyDescent="0.2">
      <c r="A27" s="179" t="s">
        <v>17</v>
      </c>
      <c r="B27" s="686">
        <v>0</v>
      </c>
      <c r="C27" s="687"/>
      <c r="D27" s="686">
        <v>7945891.5300000003</v>
      </c>
      <c r="E27" s="687"/>
      <c r="F27" s="686">
        <v>7945891.5300000003</v>
      </c>
      <c r="G27" s="687"/>
      <c r="H27" s="686">
        <v>57794.02</v>
      </c>
      <c r="I27" s="706"/>
      <c r="J27" s="409"/>
      <c r="K27" s="204"/>
    </row>
    <row r="28" spans="1:11" ht="10.5" x14ac:dyDescent="0.2">
      <c r="A28" s="179" t="s">
        <v>19</v>
      </c>
      <c r="B28" s="686">
        <v>0</v>
      </c>
      <c r="C28" s="687"/>
      <c r="D28" s="686">
        <v>0</v>
      </c>
      <c r="E28" s="687"/>
      <c r="F28" s="698">
        <v>0</v>
      </c>
      <c r="G28" s="699"/>
      <c r="H28" s="686">
        <v>0</v>
      </c>
      <c r="I28" s="706"/>
      <c r="J28" s="409"/>
      <c r="K28" s="204"/>
    </row>
    <row r="29" spans="1:11" ht="10.5" x14ac:dyDescent="0.2">
      <c r="A29" s="179" t="s">
        <v>227</v>
      </c>
      <c r="B29" s="686">
        <v>0</v>
      </c>
      <c r="C29" s="687"/>
      <c r="D29" s="686">
        <v>0</v>
      </c>
      <c r="E29" s="687"/>
      <c r="F29" s="698">
        <v>0</v>
      </c>
      <c r="G29" s="699"/>
      <c r="H29" s="686">
        <v>0</v>
      </c>
      <c r="I29" s="706"/>
      <c r="J29" s="409"/>
      <c r="K29" s="204"/>
    </row>
    <row r="30" spans="1:11" ht="10.5" x14ac:dyDescent="0.2">
      <c r="A30" s="54" t="s">
        <v>284</v>
      </c>
      <c r="B30" s="686">
        <v>31897000</v>
      </c>
      <c r="C30" s="687"/>
      <c r="D30" s="686">
        <v>32337890.850000001</v>
      </c>
      <c r="E30" s="687"/>
      <c r="F30" s="686">
        <v>440890.85000000003</v>
      </c>
      <c r="G30" s="687"/>
      <c r="H30" s="686">
        <v>737234.87</v>
      </c>
      <c r="I30" s="706"/>
      <c r="J30" s="409"/>
      <c r="K30" s="204"/>
    </row>
    <row r="31" spans="1:11" ht="10.5" x14ac:dyDescent="0.2">
      <c r="A31" s="122" t="s">
        <v>542</v>
      </c>
      <c r="B31" s="686">
        <v>31897000</v>
      </c>
      <c r="C31" s="687"/>
      <c r="D31" s="686">
        <v>31897000</v>
      </c>
      <c r="E31" s="687"/>
      <c r="F31" s="686">
        <v>0</v>
      </c>
      <c r="G31" s="687"/>
      <c r="H31" s="686">
        <v>459968.06</v>
      </c>
      <c r="I31" s="706"/>
      <c r="J31" s="409"/>
      <c r="K31" s="204"/>
    </row>
    <row r="32" spans="1:11" ht="10.5" x14ac:dyDescent="0.2">
      <c r="A32" s="122" t="s">
        <v>543</v>
      </c>
      <c r="B32" s="686">
        <v>0</v>
      </c>
      <c r="C32" s="687"/>
      <c r="D32" s="686">
        <v>440890.85000000003</v>
      </c>
      <c r="E32" s="687"/>
      <c r="F32" s="686">
        <v>440890.85000000003</v>
      </c>
      <c r="G32" s="687"/>
      <c r="H32" s="686">
        <v>277266.81</v>
      </c>
      <c r="I32" s="706"/>
      <c r="J32" s="409"/>
      <c r="K32" s="204"/>
    </row>
    <row r="33" spans="1:11" ht="10.5" x14ac:dyDescent="0.2">
      <c r="A33" s="156" t="s">
        <v>40</v>
      </c>
      <c r="B33" s="686">
        <v>0</v>
      </c>
      <c r="C33" s="687"/>
      <c r="D33" s="686">
        <v>0</v>
      </c>
      <c r="E33" s="687"/>
      <c r="F33" s="698">
        <v>0</v>
      </c>
      <c r="G33" s="699"/>
      <c r="H33" s="698">
        <v>0</v>
      </c>
      <c r="I33" s="718"/>
      <c r="J33" s="409"/>
      <c r="K33" s="204"/>
    </row>
    <row r="34" spans="1:11" ht="10.5" x14ac:dyDescent="0.2">
      <c r="A34" s="122" t="s">
        <v>120</v>
      </c>
      <c r="B34" s="686">
        <v>0</v>
      </c>
      <c r="C34" s="687"/>
      <c r="D34" s="686">
        <v>0</v>
      </c>
      <c r="E34" s="687"/>
      <c r="F34" s="698">
        <v>0</v>
      </c>
      <c r="G34" s="699"/>
      <c r="H34" s="686"/>
      <c r="I34" s="706"/>
      <c r="J34" s="409"/>
      <c r="K34" s="204"/>
    </row>
    <row r="35" spans="1:11" ht="10.5" x14ac:dyDescent="0.2">
      <c r="A35" s="179" t="s">
        <v>228</v>
      </c>
      <c r="B35" s="686">
        <v>0</v>
      </c>
      <c r="C35" s="687"/>
      <c r="D35" s="686">
        <v>0</v>
      </c>
      <c r="E35" s="687"/>
      <c r="F35" s="698">
        <v>0</v>
      </c>
      <c r="G35" s="699"/>
      <c r="H35" s="686"/>
      <c r="I35" s="706"/>
      <c r="J35" s="409"/>
      <c r="K35" s="204"/>
    </row>
    <row r="36" spans="1:11" ht="10.5" x14ac:dyDescent="0.2">
      <c r="A36" s="122" t="s">
        <v>285</v>
      </c>
      <c r="B36" s="686">
        <v>0</v>
      </c>
      <c r="C36" s="687"/>
      <c r="D36" s="686">
        <v>0</v>
      </c>
      <c r="E36" s="687"/>
      <c r="F36" s="698">
        <v>0</v>
      </c>
      <c r="G36" s="699"/>
      <c r="H36" s="686"/>
      <c r="I36" s="706"/>
      <c r="J36" s="409"/>
      <c r="K36" s="204"/>
    </row>
    <row r="37" spans="1:11" s="66" customFormat="1" ht="10.5" x14ac:dyDescent="0.2">
      <c r="B37" s="686"/>
      <c r="C37" s="687"/>
      <c r="D37" s="686"/>
      <c r="E37" s="687"/>
      <c r="F37" s="698"/>
      <c r="G37" s="699"/>
      <c r="H37" s="686"/>
      <c r="I37" s="706"/>
      <c r="J37" s="203"/>
      <c r="K37" s="350"/>
    </row>
    <row r="38" spans="1:11" ht="15" customHeight="1" x14ac:dyDescent="0.2">
      <c r="A38" s="157" t="s">
        <v>544</v>
      </c>
      <c r="B38" s="692">
        <v>1036054000</v>
      </c>
      <c r="C38" s="693"/>
      <c r="D38" s="692">
        <v>1036054000</v>
      </c>
      <c r="E38" s="693"/>
      <c r="F38" s="692">
        <v>84826124.150000006</v>
      </c>
      <c r="G38" s="693"/>
      <c r="H38" s="692">
        <v>51173628.109999999</v>
      </c>
      <c r="I38" s="728"/>
      <c r="J38" s="409"/>
      <c r="K38" s="204"/>
    </row>
    <row r="39" spans="1:11" ht="15" customHeight="1" x14ac:dyDescent="0.2">
      <c r="A39" s="123" t="s">
        <v>757</v>
      </c>
      <c r="B39" s="704">
        <v>1478951000</v>
      </c>
      <c r="C39" s="705"/>
      <c r="D39" s="704">
        <v>1519914036.1399999</v>
      </c>
      <c r="E39" s="705"/>
      <c r="F39" s="704">
        <v>141267169.06999999</v>
      </c>
      <c r="G39" s="705"/>
      <c r="H39" s="704">
        <v>79278242.349999994</v>
      </c>
      <c r="I39" s="726"/>
      <c r="J39" s="409"/>
      <c r="K39" s="204"/>
    </row>
    <row r="40" spans="1:11" ht="5.0999999999999996" customHeight="1" x14ac:dyDescent="0.2">
      <c r="A40" s="124"/>
      <c r="B40" s="121"/>
      <c r="C40" s="121"/>
      <c r="D40" s="15"/>
      <c r="E40" s="121"/>
      <c r="F40" s="74"/>
      <c r="G40" s="74"/>
      <c r="H40" s="25"/>
      <c r="I40" s="25"/>
    </row>
    <row r="41" spans="1:11" s="66" customFormat="1" ht="25.5" customHeight="1" x14ac:dyDescent="0.15">
      <c r="A41" s="766" t="s">
        <v>160</v>
      </c>
      <c r="B41" s="200" t="s">
        <v>157</v>
      </c>
      <c r="C41" s="200" t="s">
        <v>157</v>
      </c>
      <c r="D41" s="740" t="s">
        <v>158</v>
      </c>
      <c r="E41" s="742"/>
      <c r="F41" s="782" t="s">
        <v>159</v>
      </c>
      <c r="G41" s="811"/>
      <c r="H41" s="782" t="s">
        <v>347</v>
      </c>
      <c r="I41" s="783"/>
      <c r="J41" s="155"/>
    </row>
    <row r="42" spans="1:11" s="66" customFormat="1" ht="15" customHeight="1" x14ac:dyDescent="0.2">
      <c r="A42" s="769"/>
      <c r="B42" s="796" t="s">
        <v>111</v>
      </c>
      <c r="C42" s="796" t="s">
        <v>112</v>
      </c>
      <c r="D42" s="172" t="s">
        <v>115</v>
      </c>
      <c r="E42" s="172" t="s">
        <v>115</v>
      </c>
      <c r="F42" s="172" t="s">
        <v>115</v>
      </c>
      <c r="G42" s="172" t="s">
        <v>115</v>
      </c>
      <c r="H42" s="778" t="s">
        <v>880</v>
      </c>
      <c r="I42" s="780" t="s">
        <v>881</v>
      </c>
      <c r="J42" s="155"/>
    </row>
    <row r="43" spans="1:11" s="66" customFormat="1" ht="15" customHeight="1" x14ac:dyDescent="0.2">
      <c r="A43" s="770"/>
      <c r="B43" s="768"/>
      <c r="C43" s="768"/>
      <c r="D43" s="173">
        <v>2016</v>
      </c>
      <c r="E43" s="174">
        <v>2015</v>
      </c>
      <c r="F43" s="173">
        <v>2016</v>
      </c>
      <c r="G43" s="174">
        <v>2015</v>
      </c>
      <c r="H43" s="779"/>
      <c r="I43" s="781"/>
      <c r="J43" s="155"/>
    </row>
    <row r="44" spans="1:11" ht="10.5" x14ac:dyDescent="0.2">
      <c r="A44" s="158" t="s">
        <v>134</v>
      </c>
      <c r="B44" s="432">
        <v>1480951000</v>
      </c>
      <c r="C44" s="518">
        <v>1480815352.8599999</v>
      </c>
      <c r="D44" s="518">
        <v>1380492567.9199998</v>
      </c>
      <c r="E44" s="518">
        <v>343666256.31999999</v>
      </c>
      <c r="F44" s="518">
        <v>340304246.73000002</v>
      </c>
      <c r="G44" s="518">
        <v>159369634.88</v>
      </c>
      <c r="H44" s="518">
        <v>0</v>
      </c>
      <c r="I44" s="518">
        <v>0</v>
      </c>
    </row>
    <row r="45" spans="1:11" ht="10.5" x14ac:dyDescent="0.2">
      <c r="A45" s="66" t="s">
        <v>280</v>
      </c>
      <c r="B45" s="425">
        <v>15250000</v>
      </c>
      <c r="C45" s="519">
        <v>15114352.859999999</v>
      </c>
      <c r="D45" s="519">
        <v>2123484.4900000002</v>
      </c>
      <c r="E45" s="519">
        <v>215807</v>
      </c>
      <c r="F45" s="519">
        <v>255493.51000000004</v>
      </c>
      <c r="G45" s="519">
        <v>83026.84</v>
      </c>
      <c r="H45" s="519">
        <v>0</v>
      </c>
      <c r="I45" s="518">
        <v>0</v>
      </c>
    </row>
    <row r="46" spans="1:11" ht="10.5" x14ac:dyDescent="0.2">
      <c r="A46" s="26" t="s">
        <v>286</v>
      </c>
      <c r="B46" s="427">
        <v>7800000</v>
      </c>
      <c r="C46" s="520">
        <v>7664352.8600000003</v>
      </c>
      <c r="D46" s="520">
        <v>2123484.4900000002</v>
      </c>
      <c r="E46" s="520">
        <v>215807</v>
      </c>
      <c r="F46" s="520">
        <v>255493.51000000004</v>
      </c>
      <c r="G46" s="520">
        <v>83026.84</v>
      </c>
      <c r="H46" s="520">
        <v>0</v>
      </c>
      <c r="I46" s="521">
        <v>0</v>
      </c>
    </row>
    <row r="47" spans="1:11" ht="10.5" x14ac:dyDescent="0.2">
      <c r="A47" s="26" t="s">
        <v>287</v>
      </c>
      <c r="B47" s="427">
        <v>7450000</v>
      </c>
      <c r="C47" s="520">
        <v>7450000</v>
      </c>
      <c r="D47" s="520">
        <v>0</v>
      </c>
      <c r="E47" s="520">
        <v>0</v>
      </c>
      <c r="F47" s="520">
        <v>0</v>
      </c>
      <c r="G47" s="520">
        <v>0</v>
      </c>
      <c r="H47" s="520">
        <v>0</v>
      </c>
      <c r="I47" s="521">
        <v>0</v>
      </c>
    </row>
    <row r="48" spans="1:11" ht="10.5" x14ac:dyDescent="0.2">
      <c r="A48" s="291" t="s">
        <v>135</v>
      </c>
      <c r="B48" s="425">
        <v>1465701000</v>
      </c>
      <c r="C48" s="519">
        <v>1465701000</v>
      </c>
      <c r="D48" s="519">
        <v>1378369083.4299998</v>
      </c>
      <c r="E48" s="519">
        <v>343450449.31999999</v>
      </c>
      <c r="F48" s="519">
        <v>340048753.22000003</v>
      </c>
      <c r="G48" s="519">
        <v>159286608.03999999</v>
      </c>
      <c r="H48" s="519">
        <v>0</v>
      </c>
      <c r="I48" s="521">
        <v>0</v>
      </c>
    </row>
    <row r="49" spans="1:10" ht="10.5" x14ac:dyDescent="0.2">
      <c r="A49" s="26" t="s">
        <v>201</v>
      </c>
      <c r="B49" s="427">
        <v>1143281000</v>
      </c>
      <c r="C49" s="520">
        <v>1142745000</v>
      </c>
      <c r="D49" s="520">
        <v>1070513073.4299999</v>
      </c>
      <c r="E49" s="520">
        <v>286081872.31999999</v>
      </c>
      <c r="F49" s="520">
        <v>284850089.31</v>
      </c>
      <c r="G49" s="520">
        <v>126827109.73999999</v>
      </c>
      <c r="H49" s="520">
        <v>0</v>
      </c>
      <c r="I49" s="521">
        <v>0</v>
      </c>
    </row>
    <row r="50" spans="1:10" ht="10.5" x14ac:dyDescent="0.2">
      <c r="A50" s="26" t="s">
        <v>288</v>
      </c>
      <c r="B50" s="427">
        <v>929496400</v>
      </c>
      <c r="C50" s="520">
        <v>920850400</v>
      </c>
      <c r="D50" s="520">
        <v>862960504.39999998</v>
      </c>
      <c r="E50" s="520">
        <v>239887064.77000001</v>
      </c>
      <c r="F50" s="520">
        <v>241324757.50999999</v>
      </c>
      <c r="G50" s="520">
        <v>106554259.13</v>
      </c>
      <c r="H50" s="520">
        <v>0</v>
      </c>
      <c r="I50" s="521">
        <v>0</v>
      </c>
    </row>
    <row r="51" spans="1:10" ht="10.5" x14ac:dyDescent="0.2">
      <c r="A51" s="26" t="s">
        <v>289</v>
      </c>
      <c r="B51" s="427">
        <v>196597000</v>
      </c>
      <c r="C51" s="520">
        <v>196597000</v>
      </c>
      <c r="D51" s="520">
        <v>182254969.03</v>
      </c>
      <c r="E51" s="520">
        <v>43939935</v>
      </c>
      <c r="F51" s="520">
        <v>41637412.600000001</v>
      </c>
      <c r="G51" s="520">
        <v>19217038.02</v>
      </c>
      <c r="H51" s="520">
        <v>0</v>
      </c>
      <c r="I51" s="521">
        <v>0</v>
      </c>
    </row>
    <row r="52" spans="1:10" s="195" customFormat="1" ht="10.5" x14ac:dyDescent="0.15">
      <c r="A52" s="26" t="s">
        <v>290</v>
      </c>
      <c r="B52" s="522">
        <v>17187600</v>
      </c>
      <c r="C52" s="520">
        <v>25297600</v>
      </c>
      <c r="D52" s="520">
        <v>25297600</v>
      </c>
      <c r="E52" s="520">
        <v>2254872.5499999998</v>
      </c>
      <c r="F52" s="520">
        <v>1887919.2</v>
      </c>
      <c r="G52" s="520">
        <v>1055812.5900000001</v>
      </c>
      <c r="H52" s="520">
        <v>0</v>
      </c>
      <c r="I52" s="521">
        <v>0</v>
      </c>
      <c r="J52" s="357"/>
    </row>
    <row r="53" spans="1:10" s="195" customFormat="1" ht="10.5" x14ac:dyDescent="0.15">
      <c r="A53" s="26" t="s">
        <v>202</v>
      </c>
      <c r="B53" s="509">
        <v>304920000</v>
      </c>
      <c r="C53" s="520">
        <v>305456000</v>
      </c>
      <c r="D53" s="520">
        <v>305216000</v>
      </c>
      <c r="E53" s="520">
        <v>56905577</v>
      </c>
      <c r="F53" s="520">
        <v>52559352.359999999</v>
      </c>
      <c r="G53" s="520">
        <v>31998484.690000001</v>
      </c>
      <c r="H53" s="520">
        <v>0</v>
      </c>
      <c r="I53" s="521">
        <v>0</v>
      </c>
      <c r="J53" s="357"/>
    </row>
    <row r="54" spans="1:10" s="195" customFormat="1" ht="10.5" x14ac:dyDescent="0.15">
      <c r="A54" s="26" t="s">
        <v>291</v>
      </c>
      <c r="B54" s="522">
        <v>264240000</v>
      </c>
      <c r="C54" s="520">
        <v>264240000</v>
      </c>
      <c r="D54" s="520">
        <v>264000000</v>
      </c>
      <c r="E54" s="520">
        <v>50538463</v>
      </c>
      <c r="F54" s="520">
        <v>45348504.649999999</v>
      </c>
      <c r="G54" s="520">
        <v>26277038.93</v>
      </c>
      <c r="H54" s="520">
        <v>0</v>
      </c>
      <c r="I54" s="521">
        <v>0</v>
      </c>
      <c r="J54" s="357"/>
    </row>
    <row r="55" spans="1:10" s="195" customFormat="1" ht="10.5" x14ac:dyDescent="0.15">
      <c r="A55" s="26" t="s">
        <v>289</v>
      </c>
      <c r="B55" s="522">
        <v>39600000</v>
      </c>
      <c r="C55" s="520">
        <v>39600000</v>
      </c>
      <c r="D55" s="520">
        <v>39600000</v>
      </c>
      <c r="E55" s="520">
        <v>6195671</v>
      </c>
      <c r="F55" s="520">
        <v>7039561.0800000001</v>
      </c>
      <c r="G55" s="520">
        <v>5633003.9699999997</v>
      </c>
      <c r="H55" s="520">
        <v>0</v>
      </c>
      <c r="I55" s="521">
        <v>0</v>
      </c>
      <c r="J55" s="357"/>
    </row>
    <row r="56" spans="1:10" s="195" customFormat="1" ht="10.5" x14ac:dyDescent="0.15">
      <c r="A56" s="26" t="s">
        <v>290</v>
      </c>
      <c r="B56" s="522">
        <v>1080000</v>
      </c>
      <c r="C56" s="520">
        <v>1616000</v>
      </c>
      <c r="D56" s="520">
        <v>1616000</v>
      </c>
      <c r="E56" s="520">
        <v>171443</v>
      </c>
      <c r="F56" s="520">
        <v>171286.63</v>
      </c>
      <c r="G56" s="520">
        <v>88441.79</v>
      </c>
      <c r="H56" s="520">
        <v>0</v>
      </c>
      <c r="I56" s="521">
        <v>0</v>
      </c>
      <c r="J56" s="357"/>
    </row>
    <row r="57" spans="1:10" s="195" customFormat="1" ht="10.5" x14ac:dyDescent="0.15">
      <c r="A57" s="26" t="s">
        <v>292</v>
      </c>
      <c r="B57" s="509">
        <v>17500000</v>
      </c>
      <c r="C57" s="520">
        <v>17500000</v>
      </c>
      <c r="D57" s="520">
        <v>2640010</v>
      </c>
      <c r="E57" s="520">
        <v>463000</v>
      </c>
      <c r="F57" s="520">
        <v>2639311.5499999998</v>
      </c>
      <c r="G57" s="520">
        <v>461013.61</v>
      </c>
      <c r="H57" s="520">
        <v>0</v>
      </c>
      <c r="I57" s="521">
        <v>0</v>
      </c>
      <c r="J57" s="357"/>
    </row>
    <row r="58" spans="1:10" s="195" customFormat="1" ht="10.5" x14ac:dyDescent="0.15">
      <c r="A58" s="26" t="s">
        <v>229</v>
      </c>
      <c r="B58" s="522">
        <v>17500000</v>
      </c>
      <c r="C58" s="520">
        <v>17500000</v>
      </c>
      <c r="D58" s="520">
        <v>2640010</v>
      </c>
      <c r="E58" s="520">
        <v>463000</v>
      </c>
      <c r="F58" s="520">
        <v>2639311.5499999998</v>
      </c>
      <c r="G58" s="520">
        <v>461013.61</v>
      </c>
      <c r="H58" s="520">
        <v>0</v>
      </c>
      <c r="I58" s="521">
        <v>0</v>
      </c>
      <c r="J58" s="357"/>
    </row>
    <row r="59" spans="1:10" s="195" customFormat="1" ht="10.5" x14ac:dyDescent="0.15">
      <c r="A59" s="26" t="s">
        <v>60</v>
      </c>
      <c r="B59" s="522"/>
      <c r="C59" s="520">
        <v>0</v>
      </c>
      <c r="D59" s="520"/>
      <c r="E59" s="520">
        <v>0</v>
      </c>
      <c r="F59" s="520"/>
      <c r="G59" s="520">
        <v>0</v>
      </c>
      <c r="H59" s="520">
        <v>0</v>
      </c>
      <c r="I59" s="521">
        <v>0</v>
      </c>
      <c r="J59" s="357"/>
    </row>
    <row r="60" spans="1:10" ht="15" customHeight="1" x14ac:dyDescent="0.2">
      <c r="A60" s="316" t="s">
        <v>545</v>
      </c>
      <c r="B60" s="523">
        <v>0</v>
      </c>
      <c r="C60" s="519">
        <v>0</v>
      </c>
      <c r="D60" s="520">
        <v>0</v>
      </c>
      <c r="E60" s="520">
        <v>0</v>
      </c>
      <c r="F60" s="520">
        <v>0</v>
      </c>
      <c r="G60" s="520">
        <v>0</v>
      </c>
      <c r="H60" s="520">
        <v>0</v>
      </c>
      <c r="I60" s="521">
        <v>0</v>
      </c>
    </row>
    <row r="61" spans="1:10" ht="15" customHeight="1" x14ac:dyDescent="0.15">
      <c r="A61" s="27" t="s">
        <v>740</v>
      </c>
      <c r="B61" s="362">
        <v>1480951000</v>
      </c>
      <c r="C61" s="362">
        <v>1480815352.8599999</v>
      </c>
      <c r="D61" s="362">
        <v>1380492567.9199998</v>
      </c>
      <c r="E61" s="524">
        <v>343666256.31999999</v>
      </c>
      <c r="F61" s="362">
        <v>340304246.73000002</v>
      </c>
      <c r="G61" s="362">
        <v>159369634.88</v>
      </c>
      <c r="H61" s="525">
        <v>0</v>
      </c>
      <c r="I61" s="526">
        <v>0</v>
      </c>
    </row>
    <row r="62" spans="1:10" ht="5.0999999999999996" customHeight="1" x14ac:dyDescent="0.2">
      <c r="A62" s="126"/>
      <c r="B62" s="527"/>
      <c r="C62" s="527"/>
      <c r="D62" s="527"/>
      <c r="E62" s="527"/>
      <c r="F62" s="528"/>
      <c r="G62" s="528"/>
      <c r="H62" s="528"/>
      <c r="I62" s="528"/>
    </row>
    <row r="63" spans="1:10" ht="15" customHeight="1" x14ac:dyDescent="0.2">
      <c r="A63" s="27" t="s">
        <v>546</v>
      </c>
      <c r="B63" s="362">
        <v>-2000000</v>
      </c>
      <c r="C63" s="362">
        <v>39098683.279999971</v>
      </c>
      <c r="D63" s="362"/>
      <c r="E63" s="362"/>
      <c r="F63" s="362">
        <v>-199037077.66000003</v>
      </c>
      <c r="G63" s="362">
        <v>-80091392.530000001</v>
      </c>
      <c r="H63" s="362"/>
      <c r="I63" s="363"/>
    </row>
    <row r="64" spans="1:10" ht="5.0999999999999996" customHeight="1" x14ac:dyDescent="0.2">
      <c r="A64" s="31"/>
      <c r="B64" s="28"/>
      <c r="C64" s="28"/>
      <c r="D64" s="28"/>
      <c r="E64" s="28"/>
      <c r="G64" s="178"/>
      <c r="H64" s="178"/>
    </row>
    <row r="65" spans="1:11" s="66" customFormat="1" ht="15" customHeight="1" x14ac:dyDescent="0.15">
      <c r="A65" s="813" t="s">
        <v>547</v>
      </c>
      <c r="B65" s="830" t="s">
        <v>108</v>
      </c>
      <c r="C65" s="831"/>
      <c r="D65" s="830" t="s">
        <v>108</v>
      </c>
      <c r="E65" s="831"/>
      <c r="F65" s="780" t="s">
        <v>109</v>
      </c>
      <c r="G65" s="812"/>
      <c r="H65" s="812"/>
      <c r="I65" s="812"/>
      <c r="J65" s="155"/>
    </row>
    <row r="66" spans="1:11" s="66" customFormat="1" ht="10.5" x14ac:dyDescent="0.2">
      <c r="A66" s="800"/>
      <c r="B66" s="799" t="s">
        <v>111</v>
      </c>
      <c r="C66" s="800"/>
      <c r="D66" s="802" t="s">
        <v>112</v>
      </c>
      <c r="E66" s="769"/>
      <c r="F66" s="764" t="s">
        <v>115</v>
      </c>
      <c r="G66" s="766"/>
      <c r="H66" s="764" t="s">
        <v>115</v>
      </c>
      <c r="I66" s="765"/>
      <c r="J66" s="155"/>
    </row>
    <row r="67" spans="1:11" s="66" customFormat="1" ht="10.5" x14ac:dyDescent="0.2">
      <c r="A67" s="801"/>
      <c r="B67" s="781"/>
      <c r="C67" s="801"/>
      <c r="D67" s="803"/>
      <c r="E67" s="770"/>
      <c r="F67" s="799">
        <v>2016</v>
      </c>
      <c r="G67" s="800"/>
      <c r="H67" s="802">
        <v>2015</v>
      </c>
      <c r="I67" s="804"/>
      <c r="J67" s="155"/>
    </row>
    <row r="68" spans="1:11" ht="10.5" x14ac:dyDescent="0.2">
      <c r="A68" s="159" t="s">
        <v>136</v>
      </c>
      <c r="B68" s="776">
        <v>2000000</v>
      </c>
      <c r="C68" s="805"/>
      <c r="D68" s="700">
        <v>65690216.969999999</v>
      </c>
      <c r="E68" s="701"/>
      <c r="F68" s="776">
        <v>63690216.969999999</v>
      </c>
      <c r="G68" s="805"/>
      <c r="H68" s="776">
        <v>38597518.719999999</v>
      </c>
      <c r="I68" s="777"/>
      <c r="J68" s="409"/>
      <c r="K68" s="204"/>
    </row>
    <row r="69" spans="1:11" ht="10.5" x14ac:dyDescent="0.2">
      <c r="A69" s="159" t="s">
        <v>137</v>
      </c>
      <c r="B69" s="786">
        <v>2000000</v>
      </c>
      <c r="C69" s="787"/>
      <c r="D69" s="686">
        <v>65690216.969999999</v>
      </c>
      <c r="E69" s="687"/>
      <c r="F69" s="786">
        <v>63690216.969999999</v>
      </c>
      <c r="G69" s="787"/>
      <c r="H69" s="786">
        <v>38597518.719999999</v>
      </c>
      <c r="I69" s="791"/>
      <c r="J69" s="409"/>
      <c r="K69" s="204"/>
    </row>
    <row r="70" spans="1:11" ht="10.5" x14ac:dyDescent="0.2">
      <c r="A70" s="118" t="s">
        <v>138</v>
      </c>
      <c r="B70" s="786">
        <v>2000000</v>
      </c>
      <c r="C70" s="787"/>
      <c r="D70" s="686">
        <v>2000000</v>
      </c>
      <c r="E70" s="687"/>
      <c r="F70" s="786">
        <v>0</v>
      </c>
      <c r="G70" s="787"/>
      <c r="H70" s="786">
        <v>22734684.07</v>
      </c>
      <c r="I70" s="791"/>
      <c r="J70" s="409"/>
      <c r="K70" s="204"/>
    </row>
    <row r="71" spans="1:11" ht="10.5" x14ac:dyDescent="0.2">
      <c r="A71" s="118" t="s">
        <v>139</v>
      </c>
      <c r="B71" s="786">
        <v>0</v>
      </c>
      <c r="C71" s="787"/>
      <c r="D71" s="686">
        <v>0</v>
      </c>
      <c r="E71" s="687"/>
      <c r="F71" s="786">
        <v>0</v>
      </c>
      <c r="G71" s="787"/>
      <c r="H71" s="786">
        <v>0</v>
      </c>
      <c r="I71" s="791"/>
      <c r="J71" s="409"/>
      <c r="K71" s="204"/>
    </row>
    <row r="72" spans="1:11" ht="10.5" x14ac:dyDescent="0.2">
      <c r="A72" s="118" t="s">
        <v>140</v>
      </c>
      <c r="B72" s="786">
        <v>0</v>
      </c>
      <c r="C72" s="787"/>
      <c r="D72" s="686">
        <v>63690216.969999999</v>
      </c>
      <c r="E72" s="687"/>
      <c r="F72" s="786">
        <v>63690216.969999999</v>
      </c>
      <c r="G72" s="787"/>
      <c r="H72" s="786">
        <v>15862834.65</v>
      </c>
      <c r="I72" s="791"/>
      <c r="J72" s="409"/>
      <c r="K72" s="204"/>
    </row>
    <row r="73" spans="1:11" s="66" customFormat="1" ht="10.5" x14ac:dyDescent="0.2">
      <c r="A73" s="159" t="s">
        <v>141</v>
      </c>
      <c r="B73" s="788">
        <v>0</v>
      </c>
      <c r="C73" s="789"/>
      <c r="D73" s="698">
        <v>0</v>
      </c>
      <c r="E73" s="699"/>
      <c r="F73" s="788">
        <v>0</v>
      </c>
      <c r="G73" s="789"/>
      <c r="H73" s="788">
        <v>0</v>
      </c>
      <c r="I73" s="792"/>
      <c r="J73" s="203"/>
      <c r="K73" s="205"/>
    </row>
    <row r="74" spans="1:11" ht="10.5" x14ac:dyDescent="0.2">
      <c r="A74" s="118" t="s">
        <v>142</v>
      </c>
      <c r="B74" s="786">
        <v>0</v>
      </c>
      <c r="C74" s="787"/>
      <c r="D74" s="686">
        <v>0</v>
      </c>
      <c r="E74" s="687"/>
      <c r="F74" s="786">
        <v>0</v>
      </c>
      <c r="G74" s="787"/>
      <c r="H74" s="786">
        <v>0</v>
      </c>
      <c r="I74" s="791"/>
      <c r="J74" s="409"/>
      <c r="K74" s="204"/>
    </row>
    <row r="75" spans="1:11" ht="10.5" x14ac:dyDescent="0.2">
      <c r="A75" s="118" t="s">
        <v>143</v>
      </c>
      <c r="B75" s="786">
        <v>0</v>
      </c>
      <c r="C75" s="787"/>
      <c r="D75" s="686">
        <v>0</v>
      </c>
      <c r="E75" s="687"/>
      <c r="F75" s="786">
        <v>0</v>
      </c>
      <c r="G75" s="787"/>
      <c r="H75" s="786">
        <v>0</v>
      </c>
      <c r="I75" s="791"/>
      <c r="J75" s="409"/>
      <c r="K75" s="204"/>
    </row>
    <row r="76" spans="1:11" ht="10.5" x14ac:dyDescent="0.2">
      <c r="A76" s="120" t="s">
        <v>140</v>
      </c>
      <c r="B76" s="784">
        <v>0</v>
      </c>
      <c r="C76" s="790"/>
      <c r="D76" s="688">
        <v>0</v>
      </c>
      <c r="E76" s="689"/>
      <c r="F76" s="784">
        <v>0</v>
      </c>
      <c r="G76" s="790"/>
      <c r="H76" s="784">
        <v>0</v>
      </c>
      <c r="I76" s="785"/>
      <c r="J76" s="409"/>
      <c r="K76" s="204"/>
    </row>
    <row r="77" spans="1:11" ht="5.0999999999999996" customHeight="1" x14ac:dyDescent="0.2">
      <c r="A77" s="177"/>
      <c r="B77" s="177"/>
      <c r="C77" s="177"/>
      <c r="D77" s="191"/>
      <c r="E77" s="191"/>
      <c r="F77" s="191"/>
      <c r="G77" s="68"/>
      <c r="H77" s="68"/>
      <c r="I77" s="68"/>
    </row>
    <row r="78" spans="1:11" s="66" customFormat="1" ht="15" customHeight="1" x14ac:dyDescent="0.2">
      <c r="A78" s="783" t="s">
        <v>144</v>
      </c>
      <c r="B78" s="783"/>
      <c r="C78" s="811"/>
      <c r="D78" s="782" t="s">
        <v>122</v>
      </c>
      <c r="E78" s="783"/>
      <c r="F78" s="783"/>
      <c r="G78" s="783"/>
      <c r="H78" s="783"/>
      <c r="I78" s="783"/>
      <c r="J78" s="155"/>
    </row>
    <row r="79" spans="1:11" ht="15" customHeight="1" x14ac:dyDescent="0.2">
      <c r="A79" s="797" t="s">
        <v>209</v>
      </c>
      <c r="B79" s="797"/>
      <c r="C79" s="798"/>
      <c r="D79" s="815"/>
      <c r="E79" s="816"/>
      <c r="F79" s="816"/>
      <c r="G79" s="816"/>
      <c r="H79" s="816"/>
      <c r="I79" s="816"/>
    </row>
    <row r="80" spans="1:11" ht="5.0999999999999996" customHeight="1" x14ac:dyDescent="0.2">
      <c r="A80" s="176"/>
      <c r="B80" s="176"/>
      <c r="C80" s="176"/>
      <c r="D80" s="175"/>
      <c r="E80" s="175"/>
      <c r="F80" s="175"/>
      <c r="G80" s="74"/>
      <c r="H80" s="74"/>
      <c r="I80" s="74"/>
    </row>
    <row r="81" spans="1:10" s="66" customFormat="1" ht="15" customHeight="1" x14ac:dyDescent="0.2">
      <c r="A81" s="812" t="s">
        <v>548</v>
      </c>
      <c r="B81" s="812"/>
      <c r="C81" s="813"/>
      <c r="D81" s="780" t="s">
        <v>208</v>
      </c>
      <c r="E81" s="812"/>
      <c r="F81" s="812"/>
      <c r="G81" s="812"/>
      <c r="H81" s="812"/>
      <c r="I81" s="812"/>
      <c r="J81" s="155"/>
    </row>
    <row r="82" spans="1:10" s="66" customFormat="1" ht="15" customHeight="1" x14ac:dyDescent="0.2">
      <c r="A82" s="814"/>
      <c r="B82" s="814"/>
      <c r="C82" s="801"/>
      <c r="D82" s="782">
        <v>2016</v>
      </c>
      <c r="E82" s="783"/>
      <c r="F82" s="811"/>
      <c r="G82" s="783">
        <v>2015</v>
      </c>
      <c r="H82" s="783"/>
      <c r="I82" s="783"/>
      <c r="J82" s="155"/>
    </row>
    <row r="83" spans="1:10" ht="10.5" x14ac:dyDescent="0.2">
      <c r="A83" s="817" t="s">
        <v>123</v>
      </c>
      <c r="B83" s="817"/>
      <c r="C83" s="818"/>
      <c r="D83" s="819">
        <v>0</v>
      </c>
      <c r="E83" s="820"/>
      <c r="F83" s="821"/>
      <c r="G83" s="828">
        <v>0</v>
      </c>
      <c r="H83" s="829"/>
      <c r="I83" s="829"/>
    </row>
    <row r="84" spans="1:10" ht="12.75" x14ac:dyDescent="0.2">
      <c r="A84" s="807" t="s">
        <v>124</v>
      </c>
      <c r="B84" s="807"/>
      <c r="C84" s="808"/>
      <c r="D84" s="822">
        <v>133851106.05</v>
      </c>
      <c r="E84" s="823"/>
      <c r="F84" s="824"/>
      <c r="G84" s="786">
        <v>23944205.390000001</v>
      </c>
      <c r="H84" s="791"/>
      <c r="I84" s="791"/>
    </row>
    <row r="85" spans="1:10" ht="12.75" x14ac:dyDescent="0.2">
      <c r="A85" s="807" t="s">
        <v>125</v>
      </c>
      <c r="B85" s="807"/>
      <c r="C85" s="808"/>
      <c r="D85" s="822">
        <v>204991074.34999999</v>
      </c>
      <c r="E85" s="823"/>
      <c r="F85" s="824"/>
      <c r="G85" s="786">
        <v>515016.05000000447</v>
      </c>
      <c r="H85" s="791"/>
      <c r="I85" s="791"/>
    </row>
    <row r="86" spans="1:10" ht="12.75" x14ac:dyDescent="0.2">
      <c r="A86" s="809" t="s">
        <v>126</v>
      </c>
      <c r="B86" s="809"/>
      <c r="C86" s="810"/>
      <c r="D86" s="825">
        <v>0</v>
      </c>
      <c r="E86" s="826"/>
      <c r="F86" s="827"/>
      <c r="G86" s="784">
        <v>0</v>
      </c>
      <c r="H86" s="785"/>
      <c r="I86" s="785"/>
    </row>
    <row r="87" spans="1:10" ht="5.0999999999999996" customHeight="1" x14ac:dyDescent="0.2">
      <c r="A87" s="182"/>
      <c r="B87" s="182"/>
      <c r="C87" s="119"/>
      <c r="D87" s="806"/>
      <c r="E87" s="806"/>
      <c r="F87" s="177"/>
      <c r="G87" s="119"/>
      <c r="H87" s="74"/>
      <c r="I87" s="74"/>
    </row>
    <row r="88" spans="1:10" ht="15" customHeight="1" x14ac:dyDescent="0.15">
      <c r="A88" s="766" t="s">
        <v>145</v>
      </c>
      <c r="B88" s="830" t="s">
        <v>108</v>
      </c>
      <c r="C88" s="831"/>
      <c r="D88" s="830" t="s">
        <v>108</v>
      </c>
      <c r="E88" s="831"/>
      <c r="F88" s="780" t="s">
        <v>109</v>
      </c>
      <c r="G88" s="812"/>
      <c r="H88" s="812"/>
      <c r="I88" s="812"/>
    </row>
    <row r="89" spans="1:10" ht="15" customHeight="1" x14ac:dyDescent="0.2">
      <c r="A89" s="769"/>
      <c r="B89" s="799" t="s">
        <v>111</v>
      </c>
      <c r="C89" s="800"/>
      <c r="D89" s="802" t="s">
        <v>112</v>
      </c>
      <c r="E89" s="769"/>
      <c r="F89" s="764" t="s">
        <v>115</v>
      </c>
      <c r="G89" s="766"/>
      <c r="H89" s="764" t="s">
        <v>115</v>
      </c>
      <c r="I89" s="765"/>
    </row>
    <row r="90" spans="1:10" ht="15" customHeight="1" x14ac:dyDescent="0.2">
      <c r="A90" s="770"/>
      <c r="B90" s="781"/>
      <c r="C90" s="801"/>
      <c r="D90" s="803"/>
      <c r="E90" s="770"/>
      <c r="F90" s="781">
        <v>2016</v>
      </c>
      <c r="G90" s="801"/>
      <c r="H90" s="803">
        <v>2015</v>
      </c>
      <c r="I90" s="833"/>
    </row>
    <row r="91" spans="1:10" ht="11.25" customHeight="1" x14ac:dyDescent="0.2">
      <c r="A91" s="155" t="s">
        <v>147</v>
      </c>
      <c r="B91" s="700">
        <v>1036054000</v>
      </c>
      <c r="C91" s="701"/>
      <c r="D91" s="700">
        <v>1036054000</v>
      </c>
      <c r="E91" s="701"/>
      <c r="F91" s="700">
        <v>84826124.150000006</v>
      </c>
      <c r="G91" s="701"/>
      <c r="H91" s="700">
        <v>51173628.109999999</v>
      </c>
      <c r="I91" s="715"/>
    </row>
    <row r="92" spans="1:10" ht="11.25" customHeight="1" x14ac:dyDescent="0.2">
      <c r="A92" s="179" t="s">
        <v>178</v>
      </c>
      <c r="B92" s="686">
        <v>1036054000</v>
      </c>
      <c r="C92" s="687"/>
      <c r="D92" s="686">
        <v>1036054000</v>
      </c>
      <c r="E92" s="687"/>
      <c r="F92" s="686">
        <v>84826124.150000006</v>
      </c>
      <c r="G92" s="687"/>
      <c r="H92" s="686">
        <v>51173628.109999999</v>
      </c>
      <c r="I92" s="706"/>
    </row>
    <row r="93" spans="1:10" ht="11.25" customHeight="1" x14ac:dyDescent="0.2">
      <c r="A93" s="179" t="s">
        <v>146</v>
      </c>
      <c r="B93" s="686">
        <v>1036054000</v>
      </c>
      <c r="C93" s="687"/>
      <c r="D93" s="686">
        <v>1036054000</v>
      </c>
      <c r="E93" s="687"/>
      <c r="F93" s="686">
        <v>84826124.150000006</v>
      </c>
      <c r="G93" s="687"/>
      <c r="H93" s="686">
        <v>51173628.109999999</v>
      </c>
      <c r="I93" s="706"/>
    </row>
    <row r="94" spans="1:10" ht="11.25" customHeight="1" x14ac:dyDescent="0.2">
      <c r="A94" s="179" t="s">
        <v>282</v>
      </c>
      <c r="B94" s="686">
        <v>280000000</v>
      </c>
      <c r="C94" s="687"/>
      <c r="D94" s="686">
        <v>280000000</v>
      </c>
      <c r="E94" s="687"/>
      <c r="F94" s="686">
        <v>66001269.829999998</v>
      </c>
      <c r="G94" s="687"/>
      <c r="H94" s="686">
        <v>49606097.700000003</v>
      </c>
      <c r="I94" s="706"/>
    </row>
    <row r="95" spans="1:10" ht="11.25" customHeight="1" x14ac:dyDescent="0.2">
      <c r="A95" s="179" t="s">
        <v>129</v>
      </c>
      <c r="B95" s="686">
        <v>280000000</v>
      </c>
      <c r="C95" s="687"/>
      <c r="D95" s="686">
        <v>280000000</v>
      </c>
      <c r="E95" s="687"/>
      <c r="F95" s="686">
        <v>66001269.829999998</v>
      </c>
      <c r="G95" s="687"/>
      <c r="H95" s="686">
        <v>49606097.700000003</v>
      </c>
      <c r="I95" s="706"/>
    </row>
    <row r="96" spans="1:10" ht="11.25" customHeight="1" x14ac:dyDescent="0.2">
      <c r="A96" s="179" t="s">
        <v>130</v>
      </c>
      <c r="B96" s="686">
        <v>0</v>
      </c>
      <c r="C96" s="687"/>
      <c r="D96" s="686">
        <v>0</v>
      </c>
      <c r="E96" s="687"/>
      <c r="F96" s="686">
        <v>0</v>
      </c>
      <c r="G96" s="687"/>
      <c r="H96" s="686">
        <v>0</v>
      </c>
      <c r="I96" s="706"/>
    </row>
    <row r="97" spans="1:9" ht="11.25" customHeight="1" x14ac:dyDescent="0.2">
      <c r="A97" s="179" t="s">
        <v>131</v>
      </c>
      <c r="B97" s="686">
        <v>0</v>
      </c>
      <c r="C97" s="687"/>
      <c r="D97" s="686">
        <v>0</v>
      </c>
      <c r="E97" s="687"/>
      <c r="F97" s="686">
        <v>0</v>
      </c>
      <c r="G97" s="687"/>
      <c r="H97" s="686">
        <v>0</v>
      </c>
      <c r="I97" s="706"/>
    </row>
    <row r="98" spans="1:9" ht="11.25" customHeight="1" x14ac:dyDescent="0.2">
      <c r="A98" s="179" t="s">
        <v>283</v>
      </c>
      <c r="B98" s="686">
        <v>756054000</v>
      </c>
      <c r="C98" s="687"/>
      <c r="D98" s="686">
        <v>756054000</v>
      </c>
      <c r="E98" s="687"/>
      <c r="F98" s="686">
        <v>18824854.32</v>
      </c>
      <c r="G98" s="687"/>
      <c r="H98" s="686">
        <v>1567530.41</v>
      </c>
      <c r="I98" s="706"/>
    </row>
    <row r="99" spans="1:9" ht="11.25" customHeight="1" x14ac:dyDescent="0.2">
      <c r="A99" s="179" t="s">
        <v>132</v>
      </c>
      <c r="B99" s="686">
        <v>756054000</v>
      </c>
      <c r="C99" s="687"/>
      <c r="D99" s="686">
        <v>756054000</v>
      </c>
      <c r="E99" s="687"/>
      <c r="F99" s="686">
        <v>18824854.32</v>
      </c>
      <c r="G99" s="687"/>
      <c r="H99" s="686">
        <v>1567530.41</v>
      </c>
      <c r="I99" s="706"/>
    </row>
    <row r="100" spans="1:9" ht="11.25" customHeight="1" x14ac:dyDescent="0.2">
      <c r="A100" s="179" t="s">
        <v>133</v>
      </c>
      <c r="B100" s="686">
        <v>0</v>
      </c>
      <c r="C100" s="687"/>
      <c r="D100" s="686">
        <v>0</v>
      </c>
      <c r="E100" s="687"/>
      <c r="F100" s="686">
        <v>0</v>
      </c>
      <c r="G100" s="687"/>
      <c r="H100" s="686">
        <v>0</v>
      </c>
      <c r="I100" s="706"/>
    </row>
    <row r="101" spans="1:9" ht="11.25" customHeight="1" x14ac:dyDescent="0.2">
      <c r="A101" s="179" t="s">
        <v>739</v>
      </c>
      <c r="B101" s="686">
        <v>0</v>
      </c>
      <c r="C101" s="687"/>
      <c r="D101" s="686">
        <v>0</v>
      </c>
      <c r="E101" s="687"/>
      <c r="F101" s="686">
        <v>0</v>
      </c>
      <c r="G101" s="687"/>
      <c r="H101" s="686">
        <v>0</v>
      </c>
      <c r="I101" s="706"/>
    </row>
    <row r="102" spans="1:9" ht="11.25" customHeight="1" x14ac:dyDescent="0.2">
      <c r="A102" s="179" t="s">
        <v>759</v>
      </c>
      <c r="B102" s="686">
        <v>0</v>
      </c>
      <c r="C102" s="687"/>
      <c r="D102" s="686">
        <v>0</v>
      </c>
      <c r="E102" s="687"/>
      <c r="F102" s="686">
        <v>0</v>
      </c>
      <c r="G102" s="687"/>
      <c r="H102" s="686">
        <v>0</v>
      </c>
      <c r="I102" s="706"/>
    </row>
    <row r="103" spans="1:9" ht="11.25" customHeight="1" x14ac:dyDescent="0.2">
      <c r="A103" s="179" t="s">
        <v>760</v>
      </c>
      <c r="B103" s="686">
        <v>0</v>
      </c>
      <c r="C103" s="687"/>
      <c r="D103" s="686">
        <v>0</v>
      </c>
      <c r="E103" s="687"/>
      <c r="F103" s="686">
        <v>0</v>
      </c>
      <c r="G103" s="687"/>
      <c r="H103" s="686">
        <v>0</v>
      </c>
      <c r="I103" s="706"/>
    </row>
    <row r="104" spans="1:9" ht="11.25" customHeight="1" x14ac:dyDescent="0.2">
      <c r="A104" s="179" t="s">
        <v>179</v>
      </c>
      <c r="B104" s="686">
        <v>0</v>
      </c>
      <c r="C104" s="687"/>
      <c r="D104" s="686">
        <v>0</v>
      </c>
      <c r="E104" s="687"/>
      <c r="F104" s="686">
        <v>0</v>
      </c>
      <c r="G104" s="687"/>
      <c r="H104" s="686">
        <v>0</v>
      </c>
      <c r="I104" s="706"/>
    </row>
    <row r="105" spans="1:9" ht="11.25" customHeight="1" x14ac:dyDescent="0.2">
      <c r="A105" s="179" t="s">
        <v>186</v>
      </c>
      <c r="B105" s="686">
        <v>0</v>
      </c>
      <c r="C105" s="687"/>
      <c r="D105" s="686">
        <v>0</v>
      </c>
      <c r="E105" s="687"/>
      <c r="F105" s="686">
        <v>0</v>
      </c>
      <c r="G105" s="687"/>
      <c r="H105" s="686">
        <v>0</v>
      </c>
      <c r="I105" s="706"/>
    </row>
    <row r="106" spans="1:9" ht="11.25" customHeight="1" x14ac:dyDescent="0.2">
      <c r="A106" s="179" t="s">
        <v>183</v>
      </c>
      <c r="B106" s="686">
        <v>0</v>
      </c>
      <c r="C106" s="687"/>
      <c r="D106" s="686">
        <v>0</v>
      </c>
      <c r="E106" s="687"/>
      <c r="F106" s="686">
        <v>0</v>
      </c>
      <c r="G106" s="687"/>
      <c r="H106" s="686">
        <v>0</v>
      </c>
      <c r="I106" s="706"/>
    </row>
    <row r="107" spans="1:9" ht="11.25" customHeight="1" x14ac:dyDescent="0.2">
      <c r="A107" s="66" t="s">
        <v>148</v>
      </c>
      <c r="B107" s="686">
        <v>0</v>
      </c>
      <c r="C107" s="687"/>
      <c r="D107" s="686">
        <v>0</v>
      </c>
      <c r="E107" s="687"/>
      <c r="F107" s="686">
        <v>0</v>
      </c>
      <c r="G107" s="687"/>
      <c r="H107" s="686">
        <v>0</v>
      </c>
      <c r="I107" s="706"/>
    </row>
    <row r="108" spans="1:9" ht="11.25" customHeight="1" x14ac:dyDescent="0.2">
      <c r="A108" s="122" t="s">
        <v>799</v>
      </c>
      <c r="B108" s="686">
        <v>0</v>
      </c>
      <c r="C108" s="687"/>
      <c r="D108" s="686">
        <v>0</v>
      </c>
      <c r="E108" s="687"/>
      <c r="F108" s="686">
        <v>0</v>
      </c>
      <c r="G108" s="687"/>
      <c r="H108" s="686">
        <v>0</v>
      </c>
      <c r="I108" s="706"/>
    </row>
    <row r="109" spans="1:9" ht="11.25" customHeight="1" x14ac:dyDescent="0.2">
      <c r="A109" s="179" t="s">
        <v>801</v>
      </c>
      <c r="B109" s="686">
        <v>0</v>
      </c>
      <c r="C109" s="687"/>
      <c r="D109" s="686">
        <v>0</v>
      </c>
      <c r="E109" s="687"/>
      <c r="F109" s="686">
        <v>0</v>
      </c>
      <c r="G109" s="687"/>
      <c r="H109" s="686">
        <v>0</v>
      </c>
      <c r="I109" s="706"/>
    </row>
    <row r="110" spans="1:9" ht="11.25" customHeight="1" x14ac:dyDescent="0.2">
      <c r="A110" s="122" t="s">
        <v>800</v>
      </c>
      <c r="B110" s="686">
        <v>0</v>
      </c>
      <c r="C110" s="687"/>
      <c r="D110" s="686">
        <v>0</v>
      </c>
      <c r="E110" s="687"/>
      <c r="F110" s="686">
        <v>0</v>
      </c>
      <c r="G110" s="687"/>
      <c r="H110" s="686">
        <v>0</v>
      </c>
      <c r="I110" s="706"/>
    </row>
    <row r="111" spans="1:9" ht="11.25" customHeight="1" x14ac:dyDescent="0.2">
      <c r="A111" s="66"/>
      <c r="B111" s="688">
        <v>0</v>
      </c>
      <c r="C111" s="689"/>
      <c r="D111" s="688">
        <v>0</v>
      </c>
      <c r="E111" s="689"/>
      <c r="F111" s="688">
        <v>0</v>
      </c>
      <c r="G111" s="689"/>
      <c r="H111" s="688">
        <v>0</v>
      </c>
      <c r="I111" s="727"/>
    </row>
    <row r="112" spans="1:9" ht="26.25" customHeight="1" x14ac:dyDescent="0.2">
      <c r="A112" s="162" t="s">
        <v>758</v>
      </c>
      <c r="B112" s="704">
        <v>1036054000</v>
      </c>
      <c r="C112" s="705"/>
      <c r="D112" s="704">
        <v>1036054000</v>
      </c>
      <c r="E112" s="705"/>
      <c r="F112" s="704">
        <v>84826124.150000006</v>
      </c>
      <c r="G112" s="705"/>
      <c r="H112" s="704">
        <v>51173628.109999999</v>
      </c>
      <c r="I112" s="726"/>
    </row>
    <row r="113" spans="1:10" ht="5.0999999999999996" customHeight="1" x14ac:dyDescent="0.15">
      <c r="A113" s="196"/>
      <c r="B113" s="197"/>
      <c r="C113" s="197"/>
      <c r="D113" s="198"/>
      <c r="E113" s="198"/>
      <c r="F113" s="198"/>
      <c r="G113" s="199"/>
      <c r="H113" s="199"/>
      <c r="I113" s="199"/>
    </row>
    <row r="114" spans="1:10" ht="30" customHeight="1" x14ac:dyDescent="0.15">
      <c r="A114" s="793" t="s">
        <v>149</v>
      </c>
      <c r="B114" s="200" t="s">
        <v>157</v>
      </c>
      <c r="C114" s="200" t="s">
        <v>157</v>
      </c>
      <c r="D114" s="740" t="s">
        <v>158</v>
      </c>
      <c r="E114" s="742"/>
      <c r="F114" s="782" t="s">
        <v>159</v>
      </c>
      <c r="G114" s="811"/>
      <c r="H114" s="782" t="s">
        <v>347</v>
      </c>
      <c r="I114" s="783"/>
    </row>
    <row r="115" spans="1:10" ht="15" customHeight="1" x14ac:dyDescent="0.2">
      <c r="A115" s="794"/>
      <c r="B115" s="796" t="s">
        <v>111</v>
      </c>
      <c r="C115" s="796" t="s">
        <v>112</v>
      </c>
      <c r="D115" s="172" t="s">
        <v>115</v>
      </c>
      <c r="E115" s="172" t="s">
        <v>115</v>
      </c>
      <c r="F115" s="172" t="s">
        <v>115</v>
      </c>
      <c r="G115" s="172" t="s">
        <v>115</v>
      </c>
      <c r="H115" s="778" t="s">
        <v>880</v>
      </c>
      <c r="I115" s="780" t="s">
        <v>881</v>
      </c>
    </row>
    <row r="116" spans="1:10" ht="15" customHeight="1" x14ac:dyDescent="0.2">
      <c r="A116" s="795"/>
      <c r="B116" s="768"/>
      <c r="C116" s="768"/>
      <c r="D116" s="173">
        <v>2016</v>
      </c>
      <c r="E116" s="174">
        <v>2015</v>
      </c>
      <c r="F116" s="173">
        <v>2016</v>
      </c>
      <c r="G116" s="174">
        <v>2015</v>
      </c>
      <c r="H116" s="779"/>
      <c r="I116" s="781"/>
    </row>
    <row r="117" spans="1:10" ht="11.25" customHeight="1" x14ac:dyDescent="0.2">
      <c r="A117" s="160" t="s">
        <v>150</v>
      </c>
      <c r="B117" s="529">
        <v>0</v>
      </c>
      <c r="C117" s="529">
        <v>0</v>
      </c>
      <c r="D117" s="529">
        <v>0</v>
      </c>
      <c r="E117" s="529">
        <v>0</v>
      </c>
      <c r="F117" s="529">
        <v>0</v>
      </c>
      <c r="G117" s="529">
        <v>0</v>
      </c>
      <c r="H117" s="529">
        <v>0</v>
      </c>
      <c r="I117" s="530">
        <v>0</v>
      </c>
    </row>
    <row r="118" spans="1:10" ht="11.25" customHeight="1" x14ac:dyDescent="0.2">
      <c r="A118" s="29" t="s">
        <v>204</v>
      </c>
      <c r="B118" s="427">
        <v>0</v>
      </c>
      <c r="C118" s="427">
        <v>0</v>
      </c>
      <c r="D118" s="427"/>
      <c r="E118" s="427"/>
      <c r="F118" s="427"/>
      <c r="G118" s="427">
        <v>0</v>
      </c>
      <c r="H118" s="427"/>
      <c r="I118" s="527"/>
    </row>
    <row r="119" spans="1:10" ht="11.25" customHeight="1" x14ac:dyDescent="0.2">
      <c r="A119" s="30" t="s">
        <v>205</v>
      </c>
      <c r="B119" s="427"/>
      <c r="C119" s="427"/>
      <c r="D119" s="427"/>
      <c r="E119" s="427"/>
      <c r="F119" s="427"/>
      <c r="G119" s="427">
        <v>0</v>
      </c>
      <c r="H119" s="427"/>
      <c r="I119" s="527"/>
    </row>
    <row r="120" spans="1:10" ht="24.95" customHeight="1" x14ac:dyDescent="0.2">
      <c r="A120" s="401" t="s">
        <v>151</v>
      </c>
      <c r="B120" s="362">
        <v>0</v>
      </c>
      <c r="C120" s="362">
        <v>0</v>
      </c>
      <c r="D120" s="362">
        <v>0</v>
      </c>
      <c r="E120" s="362">
        <v>0</v>
      </c>
      <c r="F120" s="362">
        <v>0</v>
      </c>
      <c r="G120" s="362">
        <v>0</v>
      </c>
      <c r="H120" s="362">
        <v>0</v>
      </c>
      <c r="I120" s="363">
        <v>0</v>
      </c>
    </row>
    <row r="121" spans="1:10" ht="11.25" customHeight="1" x14ac:dyDescent="0.2">
      <c r="A121" s="264" t="s">
        <v>848</v>
      </c>
      <c r="I121" s="297"/>
    </row>
    <row r="122" spans="1:10" ht="11.25" customHeight="1" x14ac:dyDescent="0.2">
      <c r="A122" s="264"/>
    </row>
    <row r="126" spans="1:10" s="264" customFormat="1" ht="11.25" customHeight="1" x14ac:dyDescent="0.2">
      <c r="F126" s="217"/>
      <c r="I126" s="217"/>
      <c r="J126" s="217"/>
    </row>
    <row r="127" spans="1:10" s="264" customFormat="1" ht="11.25" customHeight="1" x14ac:dyDescent="0.2">
      <c r="F127" s="217"/>
      <c r="I127" s="217"/>
      <c r="J127" s="217"/>
    </row>
    <row r="129" spans="1:9" ht="11.25" customHeight="1" x14ac:dyDescent="0.2">
      <c r="A129" s="264"/>
      <c r="B129" s="264"/>
      <c r="C129" s="264"/>
      <c r="D129" s="264"/>
      <c r="E129" s="264"/>
      <c r="F129" s="217"/>
      <c r="G129" s="264"/>
      <c r="H129" s="264"/>
      <c r="I129" s="217"/>
    </row>
    <row r="130" spans="1:9" s="45" customFormat="1" ht="11.25" customHeight="1" x14ac:dyDescent="0.2"/>
    <row r="131" spans="1:9" s="45" customFormat="1" ht="11.25" customHeight="1" x14ac:dyDescent="0.2"/>
    <row r="132" spans="1:9" s="45" customFormat="1" ht="11.25" customHeight="1" x14ac:dyDescent="0.2"/>
    <row r="133" spans="1:9" s="45" customFormat="1" ht="11.25" customHeight="1" x14ac:dyDescent="0.2"/>
    <row r="134" spans="1:9" s="45" customFormat="1" ht="11.25" customHeight="1" x14ac:dyDescent="0.2"/>
    <row r="135" spans="1:9" s="45" customFormat="1" ht="11.25" customHeight="1" x14ac:dyDescent="0.2"/>
    <row r="136" spans="1:9" s="45" customFormat="1" ht="11.25" customHeight="1" x14ac:dyDescent="0.2"/>
  </sheetData>
  <customSheetViews>
    <customSheetView guid="{C779D862-DE28-46CD-A428-4AAA1056D1E1}" showPageBreaks="1" showGridLines="0" fitToPage="1" printArea="1" topLeftCell="A4">
      <selection activeCell="D31" sqref="D31:E31"/>
      <pageMargins left="0.19685039370078741" right="0.19685039370078741" top="0.59055118110236227" bottom="0.19685039370078741" header="0" footer="0"/>
      <printOptions horizontalCentered="1"/>
      <pageSetup paperSize="9" scale="45" orientation="portrait" r:id="rId1"/>
      <headerFooter alignWithMargins="0"/>
    </customSheetView>
    <customSheetView guid="{B467DF90-BD78-4523-834B-7425556A2F17}" showPageBreaks="1" showGridLines="0" fitToPage="1" printArea="1" topLeftCell="A5">
      <selection activeCell="F31" sqref="F31:G31"/>
      <pageMargins left="0.19685039370078741" right="0.19685039370078741" top="0.59055118110236227" bottom="0.19685039370078741" header="0" footer="0"/>
      <printOptions horizontalCentered="1"/>
      <pageSetup paperSize="9" scale="46" orientation="portrait" r:id="rId2"/>
      <headerFooter alignWithMargins="0"/>
    </customSheetView>
    <customSheetView guid="{3AAF6A5F-F9AA-430B-9AD9-1261ECDF41B5}" showPageBreaks="1" showGridLines="0" fitToPage="1" printArea="1" topLeftCell="B103">
      <selection activeCell="E126" sqref="E126"/>
      <pageMargins left="0.19685039370078741" right="0.19685039370078741" top="0.59055118110236227" bottom="0.19685039370078741" header="0" footer="0"/>
      <printOptions horizontalCentered="1"/>
      <pageSetup paperSize="9" scale="45" orientation="portrait" r:id="rId3"/>
      <headerFooter alignWithMargins="0"/>
    </customSheetView>
    <customSheetView guid="{25EF1E0D-169B-4051-B414-7E1196FC05E4}" showPageBreaks="1" showGridLines="0" fitToPage="1" printArea="1" topLeftCell="A5">
      <selection activeCell="F31" sqref="F31:G31"/>
      <pageMargins left="0.19685039370078741" right="0.19685039370078741" top="0.59055118110236227" bottom="0.19685039370078741" header="0" footer="0"/>
      <printOptions horizontalCentered="1"/>
      <pageSetup paperSize="9" scale="46" orientation="portrait" r:id="rId4"/>
      <headerFooter alignWithMargins="0"/>
    </customSheetView>
    <customSheetView guid="{6DBFA32C-4AA4-4E1D-9A48-697377C64CC3}" showPageBreaks="1" showGridLines="0" fitToPage="1" printArea="1" topLeftCell="B22">
      <selection activeCell="H9" sqref="H9"/>
      <pageMargins left="0.19685039370078741" right="0.19685039370078741" top="0.59055118110236227" bottom="0.19685039370078741" header="0" footer="0"/>
      <printOptions horizontalCentered="1"/>
      <pageSetup paperSize="9" scale="45"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7"/>
      <headerFooter alignWithMargins="0"/>
    </customSheetView>
    <customSheetView guid="{82EDB5A4-4824-4632-A540-7A52C92F04C7}" scale="85" showPageBreaks="1" showGridLines="0" fitToPage="1" topLeftCell="B25">
      <selection activeCell="J33" sqref="J33"/>
      <pageMargins left="0.19685039370078741" right="0.19685039370078741" top="0.59055118110236227" bottom="0.19685039370078741" header="0" footer="0"/>
      <printOptions horizontalCentered="1"/>
      <pageSetup paperSize="9" scale="46" orientation="portrait" r:id="rId8"/>
      <headerFooter alignWithMargins="0"/>
    </customSheetView>
  </customSheetViews>
  <mergeCells count="305">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 ref="B91:C91"/>
    <mergeCell ref="D91:E91"/>
    <mergeCell ref="F91:G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91:I91"/>
    <mergeCell ref="A88:A90"/>
    <mergeCell ref="B88:C88"/>
    <mergeCell ref="D88:E88"/>
    <mergeCell ref="F88:I88"/>
    <mergeCell ref="B89:C90"/>
    <mergeCell ref="D89:E90"/>
    <mergeCell ref="F89:G89"/>
    <mergeCell ref="H89:I89"/>
    <mergeCell ref="F90:G90"/>
    <mergeCell ref="H90:I90"/>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B18:C18"/>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H13:I13"/>
    <mergeCell ref="A6:I6"/>
    <mergeCell ref="A7:I7"/>
    <mergeCell ref="F14:G14"/>
    <mergeCell ref="F15:G15"/>
    <mergeCell ref="D41:E41"/>
    <mergeCell ref="F41:G41"/>
    <mergeCell ref="H38:I38"/>
    <mergeCell ref="F38:G38"/>
    <mergeCell ref="B19:C19"/>
    <mergeCell ref="D19:E19"/>
    <mergeCell ref="F19:G19"/>
    <mergeCell ref="H19:I19"/>
    <mergeCell ref="B20:C20"/>
    <mergeCell ref="D20:E20"/>
    <mergeCell ref="F20:G20"/>
    <mergeCell ref="B21:C21"/>
    <mergeCell ref="D21:E21"/>
    <mergeCell ref="F21:G21"/>
    <mergeCell ref="H21:I21"/>
    <mergeCell ref="H22:I22"/>
    <mergeCell ref="B23:C23"/>
    <mergeCell ref="D23:E23"/>
    <mergeCell ref="F17:G17"/>
    <mergeCell ref="B14:C14"/>
    <mergeCell ref="D14:E14"/>
    <mergeCell ref="F36:G36"/>
    <mergeCell ref="F32:G32"/>
    <mergeCell ref="F33:G33"/>
    <mergeCell ref="F34:G34"/>
    <mergeCell ref="F16:G16"/>
    <mergeCell ref="H17:I17"/>
    <mergeCell ref="H31:I31"/>
    <mergeCell ref="H32:I32"/>
    <mergeCell ref="F26:G26"/>
    <mergeCell ref="H26:I26"/>
    <mergeCell ref="D18:E18"/>
    <mergeCell ref="F18:G18"/>
    <mergeCell ref="H18:I18"/>
    <mergeCell ref="B22:C22"/>
    <mergeCell ref="D22:E22"/>
    <mergeCell ref="F22:G22"/>
    <mergeCell ref="B15:C15"/>
    <mergeCell ref="A65:A67"/>
    <mergeCell ref="A78:C78"/>
    <mergeCell ref="D78:I78"/>
    <mergeCell ref="B65:C65"/>
    <mergeCell ref="D65:E65"/>
    <mergeCell ref="F65:I65"/>
    <mergeCell ref="F23:G23"/>
    <mergeCell ref="H23:I23"/>
    <mergeCell ref="B24:C24"/>
    <mergeCell ref="D24:E24"/>
    <mergeCell ref="F24:G24"/>
    <mergeCell ref="H24:I24"/>
    <mergeCell ref="B25:C25"/>
    <mergeCell ref="D25:E25"/>
    <mergeCell ref="F25:G25"/>
    <mergeCell ref="B26:C26"/>
    <mergeCell ref="D26:E26"/>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35:C35"/>
    <mergeCell ref="D35:E35"/>
    <mergeCell ref="F35:G35"/>
    <mergeCell ref="H35:I35"/>
    <mergeCell ref="H34:I34"/>
    <mergeCell ref="H36:I36"/>
    <mergeCell ref="F30:G30"/>
    <mergeCell ref="F31:G31"/>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H100:I100"/>
    <mergeCell ref="B101:C101"/>
    <mergeCell ref="F101:G101"/>
    <mergeCell ref="H101:I101"/>
    <mergeCell ref="B102:C102"/>
    <mergeCell ref="F102:G102"/>
    <mergeCell ref="H102:I102"/>
    <mergeCell ref="D107:E107"/>
    <mergeCell ref="F107:G107"/>
    <mergeCell ref="D101:E101"/>
    <mergeCell ref="D102:E102"/>
    <mergeCell ref="D103:E103"/>
    <mergeCell ref="D104:E104"/>
    <mergeCell ref="D105:E105"/>
    <mergeCell ref="D106:E106"/>
    <mergeCell ref="H107:I107"/>
    <mergeCell ref="B66:C67"/>
    <mergeCell ref="D66:E67"/>
    <mergeCell ref="F66:G66"/>
    <mergeCell ref="H66:I66"/>
    <mergeCell ref="F67:G67"/>
    <mergeCell ref="H67:I67"/>
    <mergeCell ref="B68:C68"/>
    <mergeCell ref="B69:C69"/>
    <mergeCell ref="F68:G68"/>
    <mergeCell ref="F69:G69"/>
    <mergeCell ref="D68:E68"/>
    <mergeCell ref="D69:E69"/>
    <mergeCell ref="H69:I69"/>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H14:I14"/>
    <mergeCell ref="H15:I15"/>
    <mergeCell ref="H16:I16"/>
    <mergeCell ref="H20:I20"/>
    <mergeCell ref="H25:I25"/>
    <mergeCell ref="H30:I30"/>
    <mergeCell ref="H33:I33"/>
    <mergeCell ref="H39:I39"/>
    <mergeCell ref="H68:I68"/>
    <mergeCell ref="H42:H43"/>
    <mergeCell ref="I42:I43"/>
    <mergeCell ref="H41:I41"/>
  </mergeCells>
  <printOptions horizontalCentered="1"/>
  <pageMargins left="0.19685039370078741" right="0.19685039370078741" top="0.59055118110236227" bottom="0.19685039370078741" header="0" footer="0"/>
  <pageSetup paperSize="9" scale="46" orientation="portrait" r:id="rId9"/>
  <headerFooter alignWithMargins="0"/>
  <drawing r:id="rId1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pageSetUpPr fitToPage="1"/>
  </sheetPr>
  <dimension ref="A1:J136"/>
  <sheetViews>
    <sheetView showGridLines="0" zoomScaleNormal="100" workbookViewId="0"/>
  </sheetViews>
  <sheetFormatPr defaultColWidth="4.140625" defaultRowHeight="11.25" customHeight="1" x14ac:dyDescent="0.2"/>
  <cols>
    <col min="1" max="1" width="70.7109375" style="152" customWidth="1"/>
    <col min="2" max="3" width="20.140625" style="1" bestFit="1" customWidth="1"/>
    <col min="4" max="9" width="15.7109375" style="1" customWidth="1"/>
    <col min="10" max="10" width="4.140625" style="217"/>
    <col min="11" max="16384" width="4.140625" style="1"/>
  </cols>
  <sheetData>
    <row r="1" spans="1:10" s="26" customFormat="1" ht="11.25" customHeight="1" x14ac:dyDescent="0.2">
      <c r="A1" s="291"/>
      <c r="B1" s="291"/>
      <c r="C1" s="291"/>
      <c r="D1" s="291"/>
      <c r="E1" s="291"/>
      <c r="F1" s="291"/>
      <c r="G1" s="291"/>
      <c r="H1" s="291"/>
      <c r="I1" s="291"/>
      <c r="J1" s="112"/>
    </row>
    <row r="2" spans="1:10" s="26" customFormat="1" ht="11.25" customHeight="1" x14ac:dyDescent="0.2">
      <c r="A2" s="153"/>
      <c r="J2" s="112"/>
    </row>
    <row r="3" spans="1:10" s="45" customFormat="1" ht="10.5" x14ac:dyDescent="0.2">
      <c r="A3" s="731" t="s">
        <v>637</v>
      </c>
      <c r="B3" s="731"/>
      <c r="C3" s="731"/>
      <c r="D3" s="731"/>
      <c r="E3" s="731"/>
      <c r="F3" s="731"/>
      <c r="G3" s="731"/>
      <c r="H3" s="731"/>
      <c r="I3" s="731"/>
      <c r="J3" s="56"/>
    </row>
    <row r="4" spans="1:10" s="45" customFormat="1" ht="10.5" x14ac:dyDescent="0.2">
      <c r="A4" s="731" t="s">
        <v>105</v>
      </c>
      <c r="B4" s="731"/>
      <c r="C4" s="731"/>
      <c r="D4" s="731"/>
      <c r="E4" s="731"/>
      <c r="F4" s="731"/>
      <c r="G4" s="731"/>
      <c r="H4" s="731"/>
      <c r="I4" s="731"/>
      <c r="J4" s="56"/>
    </row>
    <row r="5" spans="1:10" s="45" customFormat="1" ht="10.5" x14ac:dyDescent="0.2">
      <c r="A5" s="731" t="s">
        <v>127</v>
      </c>
      <c r="B5" s="731"/>
      <c r="C5" s="731"/>
      <c r="D5" s="731"/>
      <c r="E5" s="731"/>
      <c r="F5" s="731"/>
      <c r="G5" s="731"/>
      <c r="H5" s="731"/>
      <c r="I5" s="731"/>
      <c r="J5" s="56"/>
    </row>
    <row r="6" spans="1:10" s="45" customFormat="1" ht="10.5" x14ac:dyDescent="0.2">
      <c r="A6" s="731" t="s">
        <v>737</v>
      </c>
      <c r="B6" s="731"/>
      <c r="C6" s="731"/>
      <c r="D6" s="731"/>
      <c r="E6" s="731"/>
      <c r="F6" s="731"/>
      <c r="G6" s="731"/>
      <c r="H6" s="731"/>
      <c r="I6" s="731"/>
      <c r="J6" s="56"/>
    </row>
    <row r="7" spans="1:10" s="45" customFormat="1" ht="10.5" x14ac:dyDescent="0.2">
      <c r="A7" s="731" t="s">
        <v>863</v>
      </c>
      <c r="B7" s="731"/>
      <c r="C7" s="731"/>
      <c r="D7" s="731"/>
      <c r="E7" s="731"/>
      <c r="F7" s="731"/>
      <c r="G7" s="731"/>
      <c r="H7" s="731"/>
      <c r="I7" s="731"/>
      <c r="J7" s="56"/>
    </row>
    <row r="8" spans="1:10" s="26" customFormat="1" ht="11.25" customHeight="1" x14ac:dyDescent="0.2">
      <c r="J8" s="112"/>
    </row>
    <row r="9" spans="1:10" s="26" customFormat="1" ht="10.5" x14ac:dyDescent="0.2">
      <c r="A9" s="26" t="s">
        <v>365</v>
      </c>
      <c r="F9" s="832"/>
      <c r="G9" s="832"/>
      <c r="I9" s="625">
        <v>1</v>
      </c>
      <c r="J9" s="112"/>
    </row>
    <row r="10" spans="1:10" ht="15" customHeight="1" x14ac:dyDescent="0.15">
      <c r="A10" s="766" t="s">
        <v>110</v>
      </c>
      <c r="B10" s="830" t="s">
        <v>108</v>
      </c>
      <c r="C10" s="831"/>
      <c r="D10" s="830" t="s">
        <v>108</v>
      </c>
      <c r="E10" s="831"/>
      <c r="F10" s="780" t="s">
        <v>109</v>
      </c>
      <c r="G10" s="812"/>
      <c r="H10" s="812"/>
      <c r="I10" s="812"/>
    </row>
    <row r="11" spans="1:10" ht="15" customHeight="1" x14ac:dyDescent="0.2">
      <c r="A11" s="769"/>
      <c r="B11" s="799" t="s">
        <v>111</v>
      </c>
      <c r="C11" s="800"/>
      <c r="D11" s="802" t="s">
        <v>112</v>
      </c>
      <c r="E11" s="769"/>
      <c r="F11" s="764" t="s">
        <v>115</v>
      </c>
      <c r="G11" s="766"/>
      <c r="H11" s="764" t="s">
        <v>115</v>
      </c>
      <c r="I11" s="765"/>
    </row>
    <row r="12" spans="1:10" ht="15" customHeight="1" x14ac:dyDescent="0.2">
      <c r="A12" s="770"/>
      <c r="B12" s="781"/>
      <c r="C12" s="801"/>
      <c r="D12" s="803"/>
      <c r="E12" s="770"/>
      <c r="F12" s="799">
        <v>2016</v>
      </c>
      <c r="G12" s="800"/>
      <c r="H12" s="802">
        <v>2015</v>
      </c>
      <c r="I12" s="804"/>
    </row>
    <row r="13" spans="1:10" s="66" customFormat="1" ht="10.5" x14ac:dyDescent="0.2">
      <c r="A13" s="155" t="s">
        <v>281</v>
      </c>
      <c r="B13" s="700">
        <v>0</v>
      </c>
      <c r="C13" s="701"/>
      <c r="D13" s="700">
        <v>8993347.3000000007</v>
      </c>
      <c r="E13" s="701"/>
      <c r="F13" s="700">
        <v>8993347.3000000007</v>
      </c>
      <c r="G13" s="701"/>
      <c r="H13" s="700">
        <v>3475156.73</v>
      </c>
      <c r="I13" s="715"/>
      <c r="J13" s="155"/>
    </row>
    <row r="14" spans="1:10" s="66" customFormat="1" ht="10.5" x14ac:dyDescent="0.2">
      <c r="A14" s="155" t="s">
        <v>8</v>
      </c>
      <c r="B14" s="698">
        <v>0</v>
      </c>
      <c r="C14" s="699"/>
      <c r="D14" s="698">
        <v>8993347.3000000007</v>
      </c>
      <c r="E14" s="699"/>
      <c r="F14" s="698">
        <v>8993347.3000000007</v>
      </c>
      <c r="G14" s="699"/>
      <c r="H14" s="698">
        <v>3475156.73</v>
      </c>
      <c r="I14" s="718"/>
      <c r="J14" s="155"/>
    </row>
    <row r="15" spans="1:10" ht="10.5" x14ac:dyDescent="0.2">
      <c r="A15" s="264" t="s">
        <v>128</v>
      </c>
      <c r="B15" s="686">
        <v>0</v>
      </c>
      <c r="C15" s="687"/>
      <c r="D15" s="686">
        <v>4004694.35</v>
      </c>
      <c r="E15" s="687"/>
      <c r="F15" s="686">
        <v>4004694.35</v>
      </c>
      <c r="G15" s="687"/>
      <c r="H15" s="686">
        <v>2221801.2999999998</v>
      </c>
      <c r="I15" s="706"/>
    </row>
    <row r="16" spans="1:10" ht="10.5" x14ac:dyDescent="0.2">
      <c r="A16" s="264" t="s">
        <v>282</v>
      </c>
      <c r="B16" s="686">
        <v>0</v>
      </c>
      <c r="C16" s="687"/>
      <c r="D16" s="686">
        <v>3604786.44</v>
      </c>
      <c r="E16" s="687"/>
      <c r="F16" s="686">
        <v>3604786.44</v>
      </c>
      <c r="G16" s="687"/>
      <c r="H16" s="686">
        <v>1971583.56</v>
      </c>
      <c r="I16" s="706"/>
    </row>
    <row r="17" spans="1:9" ht="10.5" x14ac:dyDescent="0.2">
      <c r="A17" s="264" t="s">
        <v>129</v>
      </c>
      <c r="B17" s="686">
        <v>0</v>
      </c>
      <c r="C17" s="687"/>
      <c r="D17" s="686">
        <v>3604786.44</v>
      </c>
      <c r="E17" s="687"/>
      <c r="F17" s="686">
        <v>3604786.44</v>
      </c>
      <c r="G17" s="687"/>
      <c r="H17" s="686">
        <v>1971583.56</v>
      </c>
      <c r="I17" s="706"/>
    </row>
    <row r="18" spans="1:9" ht="10.5" x14ac:dyDescent="0.2">
      <c r="A18" s="264" t="s">
        <v>130</v>
      </c>
      <c r="B18" s="686">
        <v>0</v>
      </c>
      <c r="C18" s="687"/>
      <c r="D18" s="686">
        <v>0</v>
      </c>
      <c r="E18" s="687"/>
      <c r="F18" s="686">
        <v>0</v>
      </c>
      <c r="G18" s="687"/>
      <c r="H18" s="686">
        <v>0</v>
      </c>
      <c r="I18" s="706"/>
    </row>
    <row r="19" spans="1:9" ht="10.5" x14ac:dyDescent="0.2">
      <c r="A19" s="264" t="s">
        <v>131</v>
      </c>
      <c r="B19" s="686">
        <v>0</v>
      </c>
      <c r="C19" s="687"/>
      <c r="D19" s="686">
        <v>0</v>
      </c>
      <c r="E19" s="687"/>
      <c r="F19" s="686">
        <v>0</v>
      </c>
      <c r="G19" s="687"/>
      <c r="H19" s="686">
        <v>0</v>
      </c>
      <c r="I19" s="706"/>
    </row>
    <row r="20" spans="1:9" ht="10.5" x14ac:dyDescent="0.2">
      <c r="A20" s="264" t="s">
        <v>283</v>
      </c>
      <c r="B20" s="686">
        <v>0</v>
      </c>
      <c r="C20" s="687"/>
      <c r="D20" s="686">
        <v>399907.91</v>
      </c>
      <c r="E20" s="687"/>
      <c r="F20" s="686">
        <v>399907.91</v>
      </c>
      <c r="G20" s="687"/>
      <c r="H20" s="686">
        <v>250217.74</v>
      </c>
      <c r="I20" s="706"/>
    </row>
    <row r="21" spans="1:9" ht="10.5" x14ac:dyDescent="0.2">
      <c r="A21" s="264" t="s">
        <v>132</v>
      </c>
      <c r="B21" s="686">
        <v>0</v>
      </c>
      <c r="C21" s="687"/>
      <c r="D21" s="686">
        <v>399907.91</v>
      </c>
      <c r="E21" s="687"/>
      <c r="F21" s="686">
        <v>399907.91</v>
      </c>
      <c r="G21" s="687"/>
      <c r="H21" s="686">
        <v>250217.74</v>
      </c>
      <c r="I21" s="706"/>
    </row>
    <row r="22" spans="1:9" ht="10.5" x14ac:dyDescent="0.2">
      <c r="A22" s="264" t="s">
        <v>133</v>
      </c>
      <c r="B22" s="686">
        <v>0</v>
      </c>
      <c r="C22" s="687"/>
      <c r="D22" s="686">
        <v>0</v>
      </c>
      <c r="E22" s="687"/>
      <c r="F22" s="686">
        <v>0</v>
      </c>
      <c r="G22" s="687"/>
      <c r="H22" s="686">
        <v>0</v>
      </c>
      <c r="I22" s="706"/>
    </row>
    <row r="23" spans="1:9" ht="10.5" x14ac:dyDescent="0.2">
      <c r="A23" s="264" t="s">
        <v>739</v>
      </c>
      <c r="B23" s="686"/>
      <c r="C23" s="687"/>
      <c r="D23" s="686">
        <v>0</v>
      </c>
      <c r="E23" s="687"/>
      <c r="F23" s="686">
        <v>0</v>
      </c>
      <c r="G23" s="687"/>
      <c r="H23" s="686">
        <v>0</v>
      </c>
      <c r="I23" s="706"/>
    </row>
    <row r="24" spans="1:9" ht="10.5" x14ac:dyDescent="0.2">
      <c r="A24" s="264" t="s">
        <v>155</v>
      </c>
      <c r="B24" s="686"/>
      <c r="C24" s="687"/>
      <c r="D24" s="686">
        <v>3521.61</v>
      </c>
      <c r="E24" s="687"/>
      <c r="F24" s="686">
        <v>3521.61</v>
      </c>
      <c r="G24" s="687"/>
      <c r="H24" s="686">
        <v>219010.93</v>
      </c>
      <c r="I24" s="706"/>
    </row>
    <row r="25" spans="1:9" ht="10.5" x14ac:dyDescent="0.2">
      <c r="A25" s="264" t="s">
        <v>311</v>
      </c>
      <c r="B25" s="686">
        <v>0</v>
      </c>
      <c r="C25" s="687"/>
      <c r="D25" s="686">
        <v>4985131.34</v>
      </c>
      <c r="E25" s="687"/>
      <c r="F25" s="686">
        <v>4985131.34</v>
      </c>
      <c r="G25" s="687"/>
      <c r="H25" s="686">
        <v>1034344.5</v>
      </c>
      <c r="I25" s="706"/>
    </row>
    <row r="26" spans="1:9" ht="10.5" x14ac:dyDescent="0.2">
      <c r="A26" s="264" t="s">
        <v>16</v>
      </c>
      <c r="B26" s="686"/>
      <c r="C26" s="687"/>
      <c r="D26" s="686">
        <v>0</v>
      </c>
      <c r="E26" s="687"/>
      <c r="F26" s="686">
        <v>0</v>
      </c>
      <c r="G26" s="687"/>
      <c r="H26" s="686">
        <v>0</v>
      </c>
      <c r="I26" s="706"/>
    </row>
    <row r="27" spans="1:9" ht="10.5" x14ac:dyDescent="0.2">
      <c r="A27" s="264" t="s">
        <v>17</v>
      </c>
      <c r="B27" s="686"/>
      <c r="C27" s="687"/>
      <c r="D27" s="686">
        <v>4985131.34</v>
      </c>
      <c r="E27" s="687"/>
      <c r="F27" s="686">
        <v>4985131.34</v>
      </c>
      <c r="G27" s="687"/>
      <c r="H27" s="686">
        <v>1034344.5</v>
      </c>
      <c r="I27" s="706"/>
    </row>
    <row r="28" spans="1:9" ht="10.5" x14ac:dyDescent="0.2">
      <c r="A28" s="264" t="s">
        <v>19</v>
      </c>
      <c r="B28" s="686"/>
      <c r="C28" s="687"/>
      <c r="D28" s="686">
        <v>0</v>
      </c>
      <c r="E28" s="687"/>
      <c r="F28" s="686">
        <v>0</v>
      </c>
      <c r="G28" s="687"/>
      <c r="H28" s="686">
        <v>0</v>
      </c>
      <c r="I28" s="706"/>
    </row>
    <row r="29" spans="1:9" ht="10.5" x14ac:dyDescent="0.2">
      <c r="A29" s="264" t="s">
        <v>227</v>
      </c>
      <c r="B29" s="686"/>
      <c r="C29" s="687"/>
      <c r="D29" s="686">
        <v>0</v>
      </c>
      <c r="E29" s="687"/>
      <c r="F29" s="686">
        <v>0</v>
      </c>
      <c r="G29" s="687"/>
      <c r="H29" s="686">
        <v>0</v>
      </c>
      <c r="I29" s="706"/>
    </row>
    <row r="30" spans="1:9" ht="10.5" x14ac:dyDescent="0.2">
      <c r="A30" s="54" t="s">
        <v>284</v>
      </c>
      <c r="B30" s="686">
        <v>0</v>
      </c>
      <c r="C30" s="687"/>
      <c r="D30" s="686">
        <v>0</v>
      </c>
      <c r="E30" s="687"/>
      <c r="F30" s="686">
        <v>0</v>
      </c>
      <c r="G30" s="687"/>
      <c r="H30" s="686">
        <v>0</v>
      </c>
      <c r="I30" s="706"/>
    </row>
    <row r="31" spans="1:9" ht="10.5" x14ac:dyDescent="0.2">
      <c r="A31" s="122" t="s">
        <v>542</v>
      </c>
      <c r="B31" s="686"/>
      <c r="C31" s="687"/>
      <c r="D31" s="686">
        <v>0</v>
      </c>
      <c r="E31" s="687"/>
      <c r="F31" s="686">
        <v>0</v>
      </c>
      <c r="G31" s="687"/>
      <c r="H31" s="686">
        <v>0</v>
      </c>
      <c r="I31" s="706"/>
    </row>
    <row r="32" spans="1:9" ht="10.5" x14ac:dyDescent="0.2">
      <c r="A32" s="122" t="s">
        <v>543</v>
      </c>
      <c r="B32" s="686"/>
      <c r="C32" s="687"/>
      <c r="D32" s="686">
        <v>0</v>
      </c>
      <c r="E32" s="687"/>
      <c r="F32" s="686">
        <v>0</v>
      </c>
      <c r="G32" s="687"/>
      <c r="H32" s="686">
        <v>0</v>
      </c>
      <c r="I32" s="706"/>
    </row>
    <row r="33" spans="1:10" s="66" customFormat="1" ht="10.5" x14ac:dyDescent="0.2">
      <c r="A33" s="156" t="s">
        <v>40</v>
      </c>
      <c r="B33" s="686">
        <v>0</v>
      </c>
      <c r="C33" s="687"/>
      <c r="D33" s="686">
        <v>0</v>
      </c>
      <c r="E33" s="687"/>
      <c r="F33" s="686">
        <v>0</v>
      </c>
      <c r="G33" s="687"/>
      <c r="H33" s="686">
        <v>0</v>
      </c>
      <c r="I33" s="706"/>
      <c r="J33" s="155"/>
    </row>
    <row r="34" spans="1:10" ht="10.5" x14ac:dyDescent="0.2">
      <c r="A34" s="122" t="s">
        <v>120</v>
      </c>
      <c r="B34" s="686"/>
      <c r="C34" s="687"/>
      <c r="D34" s="686">
        <v>0</v>
      </c>
      <c r="E34" s="687"/>
      <c r="F34" s="686">
        <v>0</v>
      </c>
      <c r="G34" s="687"/>
      <c r="H34" s="686">
        <v>0</v>
      </c>
      <c r="I34" s="706"/>
    </row>
    <row r="35" spans="1:10" ht="10.5" x14ac:dyDescent="0.2">
      <c r="A35" s="264" t="s">
        <v>228</v>
      </c>
      <c r="B35" s="686"/>
      <c r="C35" s="687"/>
      <c r="D35" s="686">
        <v>0</v>
      </c>
      <c r="E35" s="687"/>
      <c r="F35" s="686">
        <v>0</v>
      </c>
      <c r="G35" s="687"/>
      <c r="H35" s="686">
        <v>0</v>
      </c>
      <c r="I35" s="706"/>
    </row>
    <row r="36" spans="1:10" ht="10.5" x14ac:dyDescent="0.2">
      <c r="A36" s="122" t="s">
        <v>285</v>
      </c>
      <c r="B36" s="686"/>
      <c r="C36" s="687"/>
      <c r="D36" s="686">
        <v>0</v>
      </c>
      <c r="E36" s="687"/>
      <c r="F36" s="686">
        <v>0</v>
      </c>
      <c r="G36" s="687"/>
      <c r="H36" s="686">
        <v>0</v>
      </c>
      <c r="I36" s="706"/>
    </row>
    <row r="37" spans="1:10" s="152" customFormat="1" ht="10.5" x14ac:dyDescent="0.2">
      <c r="A37" s="66"/>
      <c r="B37" s="686"/>
      <c r="C37" s="687"/>
      <c r="D37" s="686">
        <v>0</v>
      </c>
      <c r="E37" s="687"/>
      <c r="F37" s="686">
        <v>0</v>
      </c>
      <c r="G37" s="687"/>
      <c r="H37" s="686">
        <v>0</v>
      </c>
      <c r="I37" s="706"/>
      <c r="J37" s="217"/>
    </row>
    <row r="38" spans="1:10" s="66" customFormat="1" ht="15" customHeight="1" x14ac:dyDescent="0.2">
      <c r="A38" s="157" t="s">
        <v>544</v>
      </c>
      <c r="B38" s="692">
        <v>40860000</v>
      </c>
      <c r="C38" s="693"/>
      <c r="D38" s="692">
        <v>48985998.119999997</v>
      </c>
      <c r="E38" s="693"/>
      <c r="F38" s="692">
        <v>8125998.1199999992</v>
      </c>
      <c r="G38" s="693"/>
      <c r="H38" s="692">
        <v>5473791.3499999996</v>
      </c>
      <c r="I38" s="728"/>
      <c r="J38" s="155"/>
    </row>
    <row r="39" spans="1:10" ht="18.75" customHeight="1" x14ac:dyDescent="0.2">
      <c r="A39" s="123" t="s">
        <v>757</v>
      </c>
      <c r="B39" s="704">
        <v>40860000</v>
      </c>
      <c r="C39" s="705"/>
      <c r="D39" s="704">
        <v>57979345.420000002</v>
      </c>
      <c r="E39" s="705"/>
      <c r="F39" s="704">
        <v>17119345.420000002</v>
      </c>
      <c r="G39" s="705"/>
      <c r="H39" s="704">
        <v>8948948.0800000001</v>
      </c>
      <c r="I39" s="726"/>
    </row>
    <row r="40" spans="1:10" ht="10.5" x14ac:dyDescent="0.2">
      <c r="A40" s="124"/>
      <c r="B40" s="121"/>
      <c r="C40" s="121"/>
      <c r="D40" s="15"/>
      <c r="E40" s="121"/>
      <c r="F40" s="74"/>
      <c r="G40" s="74"/>
      <c r="H40" s="25"/>
      <c r="I40" s="25"/>
    </row>
    <row r="41" spans="1:10" ht="30" customHeight="1" x14ac:dyDescent="0.15">
      <c r="A41" s="766" t="s">
        <v>160</v>
      </c>
      <c r="B41" s="200" t="s">
        <v>157</v>
      </c>
      <c r="C41" s="200" t="s">
        <v>157</v>
      </c>
      <c r="D41" s="740" t="s">
        <v>158</v>
      </c>
      <c r="E41" s="742"/>
      <c r="F41" s="782" t="s">
        <v>159</v>
      </c>
      <c r="G41" s="811"/>
      <c r="H41" s="782" t="s">
        <v>347</v>
      </c>
      <c r="I41" s="783"/>
    </row>
    <row r="42" spans="1:10" ht="15" customHeight="1" x14ac:dyDescent="0.2">
      <c r="A42" s="769"/>
      <c r="B42" s="796" t="s">
        <v>111</v>
      </c>
      <c r="C42" s="796" t="s">
        <v>112</v>
      </c>
      <c r="D42" s="303" t="s">
        <v>115</v>
      </c>
      <c r="E42" s="303" t="s">
        <v>115</v>
      </c>
      <c r="F42" s="303" t="s">
        <v>115</v>
      </c>
      <c r="G42" s="303" t="s">
        <v>115</v>
      </c>
      <c r="H42" s="778" t="s">
        <v>880</v>
      </c>
      <c r="I42" s="780" t="s">
        <v>881</v>
      </c>
    </row>
    <row r="43" spans="1:10" ht="15" customHeight="1" x14ac:dyDescent="0.2">
      <c r="A43" s="770"/>
      <c r="B43" s="768"/>
      <c r="C43" s="768"/>
      <c r="D43" s="308">
        <v>2016</v>
      </c>
      <c r="E43" s="307">
        <v>2015</v>
      </c>
      <c r="F43" s="308">
        <v>2016</v>
      </c>
      <c r="G43" s="307">
        <v>2015</v>
      </c>
      <c r="H43" s="779"/>
      <c r="I43" s="781"/>
    </row>
    <row r="44" spans="1:10" s="66" customFormat="1" ht="10.5" x14ac:dyDescent="0.2">
      <c r="A44" s="158" t="s">
        <v>134</v>
      </c>
      <c r="B44" s="432">
        <v>40860000</v>
      </c>
      <c r="C44" s="432">
        <v>40860000</v>
      </c>
      <c r="D44" s="432">
        <v>1598440</v>
      </c>
      <c r="E44" s="432">
        <v>337500</v>
      </c>
      <c r="F44" s="432">
        <v>121425.84000000001</v>
      </c>
      <c r="G44" s="432">
        <v>38462.11</v>
      </c>
      <c r="H44" s="432">
        <v>0</v>
      </c>
      <c r="I44" s="512">
        <v>0</v>
      </c>
      <c r="J44" s="155"/>
    </row>
    <row r="45" spans="1:10" s="66" customFormat="1" ht="10.5" x14ac:dyDescent="0.2">
      <c r="A45" s="66" t="s">
        <v>280</v>
      </c>
      <c r="B45" s="427">
        <v>38760000</v>
      </c>
      <c r="C45" s="427">
        <v>38760000</v>
      </c>
      <c r="D45" s="427">
        <v>0</v>
      </c>
      <c r="E45" s="427">
        <v>0</v>
      </c>
      <c r="F45" s="427">
        <v>0</v>
      </c>
      <c r="G45" s="427">
        <v>0</v>
      </c>
      <c r="H45" s="427">
        <v>0</v>
      </c>
      <c r="I45" s="428">
        <v>0</v>
      </c>
      <c r="J45" s="155"/>
    </row>
    <row r="46" spans="1:10" ht="10.5" x14ac:dyDescent="0.2">
      <c r="A46" s="26" t="s">
        <v>286</v>
      </c>
      <c r="B46" s="427">
        <v>38760000</v>
      </c>
      <c r="C46" s="427">
        <v>38760000</v>
      </c>
      <c r="D46" s="427">
        <v>0</v>
      </c>
      <c r="E46" s="427">
        <v>0</v>
      </c>
      <c r="F46" s="427">
        <v>0</v>
      </c>
      <c r="G46" s="427">
        <v>0</v>
      </c>
      <c r="H46" s="427">
        <v>0</v>
      </c>
      <c r="I46" s="428">
        <v>0</v>
      </c>
    </row>
    <row r="47" spans="1:10" ht="10.5" x14ac:dyDescent="0.2">
      <c r="A47" s="26" t="s">
        <v>287</v>
      </c>
      <c r="B47" s="427">
        <v>0</v>
      </c>
      <c r="C47" s="427">
        <v>0</v>
      </c>
      <c r="D47" s="427">
        <v>0</v>
      </c>
      <c r="E47" s="427">
        <v>0</v>
      </c>
      <c r="F47" s="427">
        <v>0</v>
      </c>
      <c r="G47" s="427">
        <v>0</v>
      </c>
      <c r="H47" s="427">
        <v>0</v>
      </c>
      <c r="I47" s="428">
        <v>0</v>
      </c>
    </row>
    <row r="48" spans="1:10" s="66" customFormat="1" ht="10.5" x14ac:dyDescent="0.2">
      <c r="A48" s="291" t="s">
        <v>135</v>
      </c>
      <c r="B48" s="425">
        <v>2100000</v>
      </c>
      <c r="C48" s="425">
        <v>2100000</v>
      </c>
      <c r="D48" s="425">
        <v>1598440</v>
      </c>
      <c r="E48" s="425">
        <v>337500</v>
      </c>
      <c r="F48" s="425">
        <v>121425.84000000001</v>
      </c>
      <c r="G48" s="425">
        <v>38462.11</v>
      </c>
      <c r="H48" s="425">
        <v>0</v>
      </c>
      <c r="I48" s="426">
        <v>0</v>
      </c>
      <c r="J48" s="155"/>
    </row>
    <row r="49" spans="1:10" ht="10.5" x14ac:dyDescent="0.2">
      <c r="A49" s="26" t="s">
        <v>201</v>
      </c>
      <c r="B49" s="427">
        <v>1726996</v>
      </c>
      <c r="C49" s="427">
        <v>1726996</v>
      </c>
      <c r="D49" s="427">
        <v>1568440</v>
      </c>
      <c r="E49" s="427">
        <v>337500</v>
      </c>
      <c r="F49" s="427">
        <v>106286.56000000001</v>
      </c>
      <c r="G49" s="427">
        <v>38462.11</v>
      </c>
      <c r="H49" s="427">
        <v>0</v>
      </c>
      <c r="I49" s="428">
        <v>0</v>
      </c>
    </row>
    <row r="50" spans="1:10" ht="10.5" x14ac:dyDescent="0.2">
      <c r="A50" s="26" t="s">
        <v>288</v>
      </c>
      <c r="B50" s="427">
        <v>0</v>
      </c>
      <c r="C50" s="427"/>
      <c r="D50" s="427">
        <v>0</v>
      </c>
      <c r="E50" s="427">
        <v>0</v>
      </c>
      <c r="F50" s="427">
        <v>0</v>
      </c>
      <c r="G50" s="427">
        <v>0</v>
      </c>
      <c r="H50" s="427">
        <v>0</v>
      </c>
      <c r="I50" s="428">
        <v>0</v>
      </c>
    </row>
    <row r="51" spans="1:10" ht="10.5" x14ac:dyDescent="0.15">
      <c r="A51" s="26" t="s">
        <v>289</v>
      </c>
      <c r="B51" s="531">
        <v>11400</v>
      </c>
      <c r="C51" s="427">
        <v>11400</v>
      </c>
      <c r="D51" s="427">
        <v>11400</v>
      </c>
      <c r="E51" s="427">
        <v>0</v>
      </c>
      <c r="F51" s="427">
        <v>2191.96</v>
      </c>
      <c r="G51" s="427">
        <v>0</v>
      </c>
      <c r="H51" s="427">
        <v>0</v>
      </c>
      <c r="I51" s="428">
        <v>0</v>
      </c>
    </row>
    <row r="52" spans="1:10" ht="10.5" x14ac:dyDescent="0.15">
      <c r="A52" s="26" t="s">
        <v>290</v>
      </c>
      <c r="B52" s="522">
        <v>1715596</v>
      </c>
      <c r="C52" s="427">
        <v>1715596</v>
      </c>
      <c r="D52" s="427">
        <v>1557040</v>
      </c>
      <c r="E52" s="427">
        <v>337500</v>
      </c>
      <c r="F52" s="427">
        <v>104094.6</v>
      </c>
      <c r="G52" s="427">
        <v>38462.11</v>
      </c>
      <c r="H52" s="427">
        <v>0</v>
      </c>
      <c r="I52" s="428">
        <v>0</v>
      </c>
    </row>
    <row r="53" spans="1:10" ht="10.5" x14ac:dyDescent="0.2">
      <c r="A53" s="26" t="s">
        <v>202</v>
      </c>
      <c r="B53" s="509">
        <v>373004</v>
      </c>
      <c r="C53" s="427">
        <v>373004</v>
      </c>
      <c r="D53" s="427">
        <v>30000</v>
      </c>
      <c r="E53" s="427">
        <v>0</v>
      </c>
      <c r="F53" s="427">
        <v>15139.279999999999</v>
      </c>
      <c r="G53" s="427">
        <v>0</v>
      </c>
      <c r="H53" s="427">
        <v>0</v>
      </c>
      <c r="I53" s="428">
        <v>0</v>
      </c>
    </row>
    <row r="54" spans="1:10" ht="10.5" x14ac:dyDescent="0.15">
      <c r="A54" s="26" t="s">
        <v>291</v>
      </c>
      <c r="B54" s="522">
        <v>0</v>
      </c>
      <c r="C54" s="427">
        <v>8772.24</v>
      </c>
      <c r="D54" s="427">
        <v>8772.24</v>
      </c>
      <c r="E54" s="427">
        <v>0</v>
      </c>
      <c r="F54" s="427">
        <v>8772.24</v>
      </c>
      <c r="G54" s="427">
        <v>0</v>
      </c>
      <c r="H54" s="427">
        <v>0</v>
      </c>
      <c r="I54" s="428">
        <v>0</v>
      </c>
    </row>
    <row r="55" spans="1:10" ht="10.5" x14ac:dyDescent="0.15">
      <c r="A55" s="26" t="s">
        <v>289</v>
      </c>
      <c r="B55" s="522">
        <v>30000</v>
      </c>
      <c r="C55" s="427">
        <v>21227.759999999998</v>
      </c>
      <c r="D55" s="427">
        <v>21227.759999999998</v>
      </c>
      <c r="E55" s="427">
        <v>0</v>
      </c>
      <c r="F55" s="427">
        <v>6367.04</v>
      </c>
      <c r="G55" s="427">
        <v>0</v>
      </c>
      <c r="H55" s="427">
        <v>0</v>
      </c>
      <c r="I55" s="428">
        <v>0</v>
      </c>
    </row>
    <row r="56" spans="1:10" ht="10.5" x14ac:dyDescent="0.15">
      <c r="A56" s="26" t="s">
        <v>290</v>
      </c>
      <c r="B56" s="522">
        <v>343004</v>
      </c>
      <c r="C56" s="427">
        <v>343004</v>
      </c>
      <c r="D56" s="427">
        <v>0</v>
      </c>
      <c r="E56" s="427">
        <v>0</v>
      </c>
      <c r="F56" s="427">
        <v>0</v>
      </c>
      <c r="G56" s="427">
        <v>0</v>
      </c>
      <c r="H56" s="427">
        <v>0</v>
      </c>
      <c r="I56" s="428">
        <v>0</v>
      </c>
    </row>
    <row r="57" spans="1:10" ht="10.5" x14ac:dyDescent="0.2">
      <c r="A57" s="26" t="s">
        <v>292</v>
      </c>
      <c r="B57" s="509">
        <v>0</v>
      </c>
      <c r="C57" s="427">
        <v>0</v>
      </c>
      <c r="D57" s="427">
        <v>0</v>
      </c>
      <c r="E57" s="427">
        <v>0</v>
      </c>
      <c r="F57" s="427">
        <v>0</v>
      </c>
      <c r="G57" s="427">
        <v>0</v>
      </c>
      <c r="H57" s="427">
        <v>0</v>
      </c>
      <c r="I57" s="428">
        <v>0</v>
      </c>
    </row>
    <row r="58" spans="1:10" ht="10.5" x14ac:dyDescent="0.15">
      <c r="A58" s="26" t="s">
        <v>229</v>
      </c>
      <c r="B58" s="522">
        <v>0</v>
      </c>
      <c r="C58" s="427">
        <v>0</v>
      </c>
      <c r="D58" s="427">
        <v>0</v>
      </c>
      <c r="E58" s="427">
        <v>0</v>
      </c>
      <c r="F58" s="427">
        <v>0</v>
      </c>
      <c r="G58" s="427">
        <v>0</v>
      </c>
      <c r="H58" s="427">
        <v>0</v>
      </c>
      <c r="I58" s="428">
        <v>0</v>
      </c>
    </row>
    <row r="59" spans="1:10" ht="10.5" x14ac:dyDescent="0.15">
      <c r="A59" s="26" t="s">
        <v>60</v>
      </c>
      <c r="B59" s="522">
        <v>0</v>
      </c>
      <c r="C59" s="427">
        <v>0</v>
      </c>
      <c r="D59" s="427">
        <v>0</v>
      </c>
      <c r="E59" s="427">
        <v>0</v>
      </c>
      <c r="F59" s="427">
        <v>0</v>
      </c>
      <c r="G59" s="427">
        <v>0</v>
      </c>
      <c r="H59" s="427">
        <v>0</v>
      </c>
      <c r="I59" s="428">
        <v>0</v>
      </c>
    </row>
    <row r="60" spans="1:10" s="66" customFormat="1" ht="15" customHeight="1" x14ac:dyDescent="0.2">
      <c r="A60" s="316" t="s">
        <v>545</v>
      </c>
      <c r="B60" s="523">
        <v>0</v>
      </c>
      <c r="C60" s="425">
        <v>0</v>
      </c>
      <c r="D60" s="425">
        <v>0</v>
      </c>
      <c r="E60" s="425">
        <v>0</v>
      </c>
      <c r="F60" s="425">
        <v>0</v>
      </c>
      <c r="G60" s="425">
        <v>0</v>
      </c>
      <c r="H60" s="425">
        <v>0</v>
      </c>
      <c r="I60" s="426">
        <v>0</v>
      </c>
      <c r="J60" s="155"/>
    </row>
    <row r="61" spans="1:10" s="66" customFormat="1" ht="15" customHeight="1" x14ac:dyDescent="0.2">
      <c r="A61" s="27" t="s">
        <v>740</v>
      </c>
      <c r="B61" s="362">
        <v>40860000</v>
      </c>
      <c r="C61" s="362">
        <v>40860000</v>
      </c>
      <c r="D61" s="362">
        <v>1598440</v>
      </c>
      <c r="E61" s="362">
        <v>337500</v>
      </c>
      <c r="F61" s="362">
        <v>121425.84000000001</v>
      </c>
      <c r="G61" s="362">
        <v>38462.11</v>
      </c>
      <c r="H61" s="362">
        <v>0</v>
      </c>
      <c r="I61" s="363">
        <v>0</v>
      </c>
      <c r="J61" s="155"/>
    </row>
    <row r="62" spans="1:10" s="20" customFormat="1" ht="10.5" x14ac:dyDescent="0.2">
      <c r="A62" s="126"/>
      <c r="B62" s="527"/>
      <c r="C62" s="527"/>
      <c r="D62" s="527"/>
      <c r="E62" s="527"/>
      <c r="F62" s="528"/>
      <c r="G62" s="528"/>
      <c r="H62" s="528"/>
      <c r="I62" s="528"/>
      <c r="J62" s="217"/>
    </row>
    <row r="63" spans="1:10" s="66" customFormat="1" ht="15" customHeight="1" x14ac:dyDescent="0.2">
      <c r="A63" s="27" t="s">
        <v>546</v>
      </c>
      <c r="B63" s="362">
        <v>0</v>
      </c>
      <c r="C63" s="362">
        <v>17119345.420000002</v>
      </c>
      <c r="D63" s="362"/>
      <c r="E63" s="362"/>
      <c r="F63" s="362">
        <v>16997919.580000002</v>
      </c>
      <c r="G63" s="362">
        <v>8910485.9700000007</v>
      </c>
      <c r="H63" s="362"/>
      <c r="I63" s="363"/>
      <c r="J63" s="155"/>
    </row>
    <row r="64" spans="1:10" ht="10.5" x14ac:dyDescent="0.2">
      <c r="A64" s="31"/>
      <c r="B64" s="28"/>
      <c r="C64" s="28"/>
      <c r="D64" s="28"/>
      <c r="E64" s="28"/>
      <c r="F64" s="217"/>
      <c r="G64" s="217"/>
      <c r="H64" s="217"/>
      <c r="I64" s="217"/>
    </row>
    <row r="65" spans="1:10" ht="12.75" customHeight="1" x14ac:dyDescent="0.15">
      <c r="A65" s="813" t="s">
        <v>547</v>
      </c>
      <c r="B65" s="830" t="s">
        <v>108</v>
      </c>
      <c r="C65" s="831"/>
      <c r="D65" s="830" t="s">
        <v>108</v>
      </c>
      <c r="E65" s="831"/>
      <c r="F65" s="780" t="s">
        <v>109</v>
      </c>
      <c r="G65" s="812"/>
      <c r="H65" s="812"/>
      <c r="I65" s="812"/>
    </row>
    <row r="66" spans="1:10" ht="10.5" x14ac:dyDescent="0.2">
      <c r="A66" s="800"/>
      <c r="B66" s="799" t="s">
        <v>111</v>
      </c>
      <c r="C66" s="800"/>
      <c r="D66" s="802" t="s">
        <v>112</v>
      </c>
      <c r="E66" s="769"/>
      <c r="F66" s="764" t="s">
        <v>115</v>
      </c>
      <c r="G66" s="766"/>
      <c r="H66" s="764" t="s">
        <v>115</v>
      </c>
      <c r="I66" s="765"/>
    </row>
    <row r="67" spans="1:10" ht="10.5" x14ac:dyDescent="0.2">
      <c r="A67" s="801"/>
      <c r="B67" s="781"/>
      <c r="C67" s="801"/>
      <c r="D67" s="803"/>
      <c r="E67" s="770"/>
      <c r="F67" s="799">
        <v>2016</v>
      </c>
      <c r="G67" s="800"/>
      <c r="H67" s="802">
        <v>2015</v>
      </c>
      <c r="I67" s="804"/>
    </row>
    <row r="68" spans="1:10" s="66" customFormat="1" ht="10.5" x14ac:dyDescent="0.2">
      <c r="A68" s="159" t="s">
        <v>136</v>
      </c>
      <c r="B68" s="696">
        <v>0</v>
      </c>
      <c r="C68" s="697"/>
      <c r="D68" s="696">
        <v>0</v>
      </c>
      <c r="E68" s="697"/>
      <c r="F68" s="828">
        <v>0</v>
      </c>
      <c r="G68" s="834"/>
      <c r="H68" s="828">
        <v>0</v>
      </c>
      <c r="I68" s="829"/>
      <c r="J68" s="155"/>
    </row>
    <row r="69" spans="1:10" s="66" customFormat="1" ht="10.5" x14ac:dyDescent="0.2">
      <c r="A69" s="159" t="s">
        <v>137</v>
      </c>
      <c r="B69" s="686">
        <v>0</v>
      </c>
      <c r="C69" s="687"/>
      <c r="D69" s="686">
        <v>0</v>
      </c>
      <c r="E69" s="687"/>
      <c r="F69" s="786">
        <v>0</v>
      </c>
      <c r="G69" s="787"/>
      <c r="H69" s="786">
        <v>0</v>
      </c>
      <c r="I69" s="791"/>
      <c r="J69" s="155"/>
    </row>
    <row r="70" spans="1:10" ht="10.5" x14ac:dyDescent="0.2">
      <c r="A70" s="118" t="s">
        <v>138</v>
      </c>
      <c r="B70" s="686"/>
      <c r="C70" s="687"/>
      <c r="D70" s="686">
        <v>0</v>
      </c>
      <c r="E70" s="687"/>
      <c r="F70" s="786"/>
      <c r="G70" s="787"/>
      <c r="H70" s="786">
        <v>0</v>
      </c>
      <c r="I70" s="791"/>
    </row>
    <row r="71" spans="1:10" ht="10.5" x14ac:dyDescent="0.2">
      <c r="A71" s="118" t="s">
        <v>139</v>
      </c>
      <c r="B71" s="686"/>
      <c r="C71" s="687"/>
      <c r="D71" s="686">
        <v>0</v>
      </c>
      <c r="E71" s="687"/>
      <c r="F71" s="786"/>
      <c r="G71" s="787"/>
      <c r="H71" s="786">
        <v>0</v>
      </c>
      <c r="I71" s="791"/>
    </row>
    <row r="72" spans="1:10" ht="10.5" x14ac:dyDescent="0.2">
      <c r="A72" s="118" t="s">
        <v>140</v>
      </c>
      <c r="B72" s="686"/>
      <c r="C72" s="687"/>
      <c r="D72" s="686">
        <v>0</v>
      </c>
      <c r="E72" s="687"/>
      <c r="F72" s="786"/>
      <c r="G72" s="787"/>
      <c r="H72" s="786">
        <v>0</v>
      </c>
      <c r="I72" s="791"/>
    </row>
    <row r="73" spans="1:10" s="66" customFormat="1" ht="10.5" x14ac:dyDescent="0.2">
      <c r="A73" s="159" t="s">
        <v>141</v>
      </c>
      <c r="B73" s="686">
        <v>0</v>
      </c>
      <c r="C73" s="687"/>
      <c r="D73" s="686">
        <v>0</v>
      </c>
      <c r="E73" s="687"/>
      <c r="F73" s="786">
        <v>0</v>
      </c>
      <c r="G73" s="787"/>
      <c r="H73" s="786">
        <v>0</v>
      </c>
      <c r="I73" s="791"/>
      <c r="J73" s="155"/>
    </row>
    <row r="74" spans="1:10" ht="10.5" x14ac:dyDescent="0.2">
      <c r="A74" s="118" t="s">
        <v>142</v>
      </c>
      <c r="B74" s="686"/>
      <c r="C74" s="687"/>
      <c r="D74" s="686">
        <v>0</v>
      </c>
      <c r="E74" s="687"/>
      <c r="F74" s="786"/>
      <c r="G74" s="787"/>
      <c r="H74" s="786"/>
      <c r="I74" s="791"/>
    </row>
    <row r="75" spans="1:10" ht="10.5" x14ac:dyDescent="0.2">
      <c r="A75" s="118" t="s">
        <v>143</v>
      </c>
      <c r="B75" s="686"/>
      <c r="C75" s="687"/>
      <c r="D75" s="686">
        <v>0</v>
      </c>
      <c r="E75" s="687"/>
      <c r="F75" s="786"/>
      <c r="G75" s="787"/>
      <c r="H75" s="786"/>
      <c r="I75" s="791"/>
    </row>
    <row r="76" spans="1:10" ht="10.5" x14ac:dyDescent="0.2">
      <c r="A76" s="120" t="s">
        <v>140</v>
      </c>
      <c r="B76" s="688"/>
      <c r="C76" s="689"/>
      <c r="D76" s="688">
        <v>0</v>
      </c>
      <c r="E76" s="689"/>
      <c r="F76" s="784"/>
      <c r="G76" s="790"/>
      <c r="H76" s="784"/>
      <c r="I76" s="785"/>
    </row>
    <row r="77" spans="1:10" ht="10.5" x14ac:dyDescent="0.2">
      <c r="A77" s="304"/>
      <c r="B77" s="304"/>
      <c r="C77" s="304"/>
      <c r="D77" s="191"/>
      <c r="E77" s="191"/>
      <c r="F77" s="191"/>
      <c r="G77" s="68"/>
      <c r="H77" s="68"/>
      <c r="I77" s="68"/>
    </row>
    <row r="78" spans="1:10" ht="15" customHeight="1" x14ac:dyDescent="0.2">
      <c r="A78" s="783" t="s">
        <v>144</v>
      </c>
      <c r="B78" s="783"/>
      <c r="C78" s="811"/>
      <c r="D78" s="782" t="s">
        <v>122</v>
      </c>
      <c r="E78" s="783"/>
      <c r="F78" s="783"/>
      <c r="G78" s="783"/>
      <c r="H78" s="783"/>
      <c r="I78" s="783"/>
    </row>
    <row r="79" spans="1:10" s="66" customFormat="1" ht="15" customHeight="1" x14ac:dyDescent="0.2">
      <c r="A79" s="797" t="s">
        <v>209</v>
      </c>
      <c r="B79" s="797"/>
      <c r="C79" s="798"/>
      <c r="D79" s="815"/>
      <c r="E79" s="816"/>
      <c r="F79" s="816"/>
      <c r="G79" s="816"/>
      <c r="H79" s="816"/>
      <c r="I79" s="816"/>
      <c r="J79" s="155"/>
    </row>
    <row r="80" spans="1:10" ht="10.5" x14ac:dyDescent="0.2">
      <c r="A80" s="306"/>
      <c r="B80" s="306"/>
      <c r="C80" s="306"/>
      <c r="D80" s="305"/>
      <c r="E80" s="305"/>
      <c r="F80" s="305"/>
      <c r="G80" s="74"/>
      <c r="H80" s="74"/>
      <c r="I80" s="74"/>
    </row>
    <row r="81" spans="1:10" ht="15" customHeight="1" x14ac:dyDescent="0.2">
      <c r="A81" s="812" t="s">
        <v>548</v>
      </c>
      <c r="B81" s="812"/>
      <c r="C81" s="813"/>
      <c r="D81" s="780" t="s">
        <v>208</v>
      </c>
      <c r="E81" s="812"/>
      <c r="F81" s="812"/>
      <c r="G81" s="812"/>
      <c r="H81" s="812"/>
      <c r="I81" s="812"/>
    </row>
    <row r="82" spans="1:10" ht="15.75" customHeight="1" x14ac:dyDescent="0.2">
      <c r="A82" s="814"/>
      <c r="B82" s="814"/>
      <c r="C82" s="801"/>
      <c r="D82" s="782">
        <v>2016</v>
      </c>
      <c r="E82" s="783"/>
      <c r="F82" s="811"/>
      <c r="G82" s="783">
        <v>2015</v>
      </c>
      <c r="H82" s="783"/>
      <c r="I82" s="783"/>
    </row>
    <row r="83" spans="1:10" s="66" customFormat="1" ht="10.5" x14ac:dyDescent="0.2">
      <c r="A83" s="817" t="s">
        <v>123</v>
      </c>
      <c r="B83" s="817"/>
      <c r="C83" s="818"/>
      <c r="D83" s="828">
        <v>0</v>
      </c>
      <c r="E83" s="829"/>
      <c r="F83" s="834"/>
      <c r="G83" s="828">
        <v>0</v>
      </c>
      <c r="H83" s="829"/>
      <c r="I83" s="829"/>
      <c r="J83" s="155"/>
    </row>
    <row r="84" spans="1:10" s="66" customFormat="1" ht="10.5" x14ac:dyDescent="0.2">
      <c r="A84" s="807" t="s">
        <v>124</v>
      </c>
      <c r="B84" s="807"/>
      <c r="C84" s="808"/>
      <c r="D84" s="786">
        <v>419925.79</v>
      </c>
      <c r="E84" s="791"/>
      <c r="F84" s="787"/>
      <c r="G84" s="786">
        <v>156535.29999999999</v>
      </c>
      <c r="H84" s="791"/>
      <c r="I84" s="791"/>
      <c r="J84" s="155"/>
    </row>
    <row r="85" spans="1:10" s="66" customFormat="1" ht="10.5" x14ac:dyDescent="0.2">
      <c r="A85" s="807" t="s">
        <v>125</v>
      </c>
      <c r="B85" s="807"/>
      <c r="C85" s="808"/>
      <c r="D85" s="786">
        <v>142952277.84999999</v>
      </c>
      <c r="E85" s="791"/>
      <c r="F85" s="787"/>
      <c r="G85" s="786">
        <v>48367089.149999999</v>
      </c>
      <c r="H85" s="791"/>
      <c r="I85" s="791"/>
      <c r="J85" s="155"/>
    </row>
    <row r="86" spans="1:10" s="66" customFormat="1" ht="10.5" x14ac:dyDescent="0.2">
      <c r="A86" s="809" t="s">
        <v>126</v>
      </c>
      <c r="B86" s="809"/>
      <c r="C86" s="810"/>
      <c r="D86" s="784">
        <v>0</v>
      </c>
      <c r="E86" s="785"/>
      <c r="F86" s="790"/>
      <c r="G86" s="784">
        <v>0</v>
      </c>
      <c r="H86" s="785"/>
      <c r="I86" s="785"/>
      <c r="J86" s="155"/>
    </row>
    <row r="87" spans="1:10" s="20" customFormat="1" ht="10.5" x14ac:dyDescent="0.2">
      <c r="A87" s="182"/>
      <c r="B87" s="182"/>
      <c r="C87" s="119"/>
      <c r="D87" s="806"/>
      <c r="E87" s="806"/>
      <c r="F87" s="304"/>
      <c r="G87" s="119"/>
      <c r="H87" s="74"/>
      <c r="I87" s="74"/>
      <c r="J87" s="217"/>
    </row>
    <row r="88" spans="1:10" ht="15" customHeight="1" x14ac:dyDescent="0.15">
      <c r="A88" s="766" t="s">
        <v>145</v>
      </c>
      <c r="B88" s="830" t="s">
        <v>108</v>
      </c>
      <c r="C88" s="831"/>
      <c r="D88" s="830" t="s">
        <v>108</v>
      </c>
      <c r="E88" s="831"/>
      <c r="F88" s="780" t="s">
        <v>109</v>
      </c>
      <c r="G88" s="812"/>
      <c r="H88" s="812"/>
      <c r="I88" s="812"/>
    </row>
    <row r="89" spans="1:10" ht="15" customHeight="1" x14ac:dyDescent="0.2">
      <c r="A89" s="769"/>
      <c r="B89" s="799" t="s">
        <v>111</v>
      </c>
      <c r="C89" s="800"/>
      <c r="D89" s="802" t="s">
        <v>112</v>
      </c>
      <c r="E89" s="769"/>
      <c r="F89" s="764" t="s">
        <v>115</v>
      </c>
      <c r="G89" s="766"/>
      <c r="H89" s="764" t="s">
        <v>115</v>
      </c>
      <c r="I89" s="765"/>
    </row>
    <row r="90" spans="1:10" ht="15" customHeight="1" x14ac:dyDescent="0.2">
      <c r="A90" s="770"/>
      <c r="B90" s="781"/>
      <c r="C90" s="801"/>
      <c r="D90" s="803"/>
      <c r="E90" s="770"/>
      <c r="F90" s="781">
        <v>2016</v>
      </c>
      <c r="G90" s="801"/>
      <c r="H90" s="803">
        <v>2015</v>
      </c>
      <c r="I90" s="833"/>
    </row>
    <row r="91" spans="1:10" s="66" customFormat="1" ht="10.5" x14ac:dyDescent="0.2">
      <c r="A91" s="155" t="s">
        <v>147</v>
      </c>
      <c r="B91" s="700">
        <v>40860000</v>
      </c>
      <c r="C91" s="701"/>
      <c r="D91" s="700">
        <v>48985998.119999997</v>
      </c>
      <c r="E91" s="701"/>
      <c r="F91" s="700">
        <v>8125998.1199999992</v>
      </c>
      <c r="G91" s="701"/>
      <c r="H91" s="700">
        <v>5473791.3499999996</v>
      </c>
      <c r="I91" s="715"/>
      <c r="J91" s="155"/>
    </row>
    <row r="92" spans="1:10" s="66" customFormat="1" ht="10.5" x14ac:dyDescent="0.2">
      <c r="A92" s="264" t="s">
        <v>178</v>
      </c>
      <c r="B92" s="686">
        <v>0</v>
      </c>
      <c r="C92" s="687"/>
      <c r="D92" s="686">
        <v>8125998.1199999992</v>
      </c>
      <c r="E92" s="687"/>
      <c r="F92" s="686">
        <v>8125998.1199999992</v>
      </c>
      <c r="G92" s="687"/>
      <c r="H92" s="686">
        <v>5473791.3499999996</v>
      </c>
      <c r="I92" s="706"/>
      <c r="J92" s="155"/>
    </row>
    <row r="93" spans="1:10" ht="10.5" x14ac:dyDescent="0.2">
      <c r="A93" s="264" t="s">
        <v>146</v>
      </c>
      <c r="B93" s="686">
        <v>0</v>
      </c>
      <c r="C93" s="687"/>
      <c r="D93" s="686">
        <v>8125998.1199999992</v>
      </c>
      <c r="E93" s="687"/>
      <c r="F93" s="686">
        <v>8125998.1199999992</v>
      </c>
      <c r="G93" s="687"/>
      <c r="H93" s="686">
        <v>5473791.3499999996</v>
      </c>
      <c r="I93" s="706"/>
    </row>
    <row r="94" spans="1:10" ht="10.5" x14ac:dyDescent="0.2">
      <c r="A94" s="264" t="s">
        <v>282</v>
      </c>
      <c r="B94" s="686">
        <v>0</v>
      </c>
      <c r="C94" s="687"/>
      <c r="D94" s="686">
        <v>7328189.4299999997</v>
      </c>
      <c r="E94" s="687"/>
      <c r="F94" s="686">
        <v>7328189.4299999997</v>
      </c>
      <c r="G94" s="687"/>
      <c r="H94" s="686">
        <v>2231963.77</v>
      </c>
      <c r="I94" s="706"/>
    </row>
    <row r="95" spans="1:10" ht="10.5" x14ac:dyDescent="0.2">
      <c r="A95" s="264" t="s">
        <v>129</v>
      </c>
      <c r="B95" s="686">
        <v>0</v>
      </c>
      <c r="C95" s="687"/>
      <c r="D95" s="686">
        <v>7328189.4299999997</v>
      </c>
      <c r="E95" s="687"/>
      <c r="F95" s="686">
        <v>7328189.4299999997</v>
      </c>
      <c r="G95" s="687"/>
      <c r="H95" s="686">
        <v>2231963.77</v>
      </c>
      <c r="I95" s="706"/>
    </row>
    <row r="96" spans="1:10" ht="10.5" x14ac:dyDescent="0.2">
      <c r="A96" s="264" t="s">
        <v>130</v>
      </c>
      <c r="B96" s="686">
        <v>0</v>
      </c>
      <c r="C96" s="687"/>
      <c r="D96" s="686">
        <v>0</v>
      </c>
      <c r="E96" s="687"/>
      <c r="F96" s="686"/>
      <c r="G96" s="687"/>
      <c r="H96" s="686">
        <v>0</v>
      </c>
      <c r="I96" s="706"/>
    </row>
    <row r="97" spans="1:10" ht="10.5" x14ac:dyDescent="0.2">
      <c r="A97" s="264" t="s">
        <v>131</v>
      </c>
      <c r="B97" s="686">
        <v>0</v>
      </c>
      <c r="C97" s="687"/>
      <c r="D97" s="686">
        <v>0</v>
      </c>
      <c r="E97" s="687"/>
      <c r="F97" s="686"/>
      <c r="G97" s="687"/>
      <c r="H97" s="686">
        <v>0</v>
      </c>
      <c r="I97" s="706"/>
    </row>
    <row r="98" spans="1:10" ht="10.5" x14ac:dyDescent="0.2">
      <c r="A98" s="264" t="s">
        <v>283</v>
      </c>
      <c r="B98" s="686">
        <v>0</v>
      </c>
      <c r="C98" s="687"/>
      <c r="D98" s="686">
        <v>797808.69</v>
      </c>
      <c r="E98" s="687"/>
      <c r="F98" s="686">
        <v>797808.69</v>
      </c>
      <c r="G98" s="687"/>
      <c r="H98" s="686">
        <v>3241827.58</v>
      </c>
      <c r="I98" s="706"/>
    </row>
    <row r="99" spans="1:10" ht="10.5" x14ac:dyDescent="0.2">
      <c r="A99" s="264" t="s">
        <v>132</v>
      </c>
      <c r="B99" s="686">
        <v>0</v>
      </c>
      <c r="C99" s="687"/>
      <c r="D99" s="686">
        <v>797808.69</v>
      </c>
      <c r="E99" s="687"/>
      <c r="F99" s="686">
        <v>797808.69</v>
      </c>
      <c r="G99" s="687"/>
      <c r="H99" s="686">
        <v>3241827.58</v>
      </c>
      <c r="I99" s="706"/>
    </row>
    <row r="100" spans="1:10" ht="10.5" x14ac:dyDescent="0.2">
      <c r="A100" s="264" t="s">
        <v>133</v>
      </c>
      <c r="B100" s="686">
        <v>0</v>
      </c>
      <c r="C100" s="687"/>
      <c r="D100" s="686">
        <v>0</v>
      </c>
      <c r="E100" s="687"/>
      <c r="F100" s="686"/>
      <c r="G100" s="687"/>
      <c r="H100" s="686">
        <v>0</v>
      </c>
      <c r="I100" s="706"/>
    </row>
    <row r="101" spans="1:10" ht="10.5" x14ac:dyDescent="0.2">
      <c r="A101" s="264" t="s">
        <v>739</v>
      </c>
      <c r="B101" s="686">
        <v>0</v>
      </c>
      <c r="C101" s="687"/>
      <c r="D101" s="686">
        <v>0</v>
      </c>
      <c r="E101" s="687"/>
      <c r="F101" s="686"/>
      <c r="G101" s="687"/>
      <c r="H101" s="686">
        <v>0</v>
      </c>
      <c r="I101" s="706"/>
    </row>
    <row r="102" spans="1:10" ht="10.5" x14ac:dyDescent="0.2">
      <c r="A102" s="264" t="s">
        <v>759</v>
      </c>
      <c r="B102" s="686">
        <v>0</v>
      </c>
      <c r="C102" s="687"/>
      <c r="D102" s="686">
        <v>0</v>
      </c>
      <c r="E102" s="687"/>
      <c r="F102" s="686">
        <v>0</v>
      </c>
      <c r="G102" s="687"/>
      <c r="H102" s="686">
        <v>0</v>
      </c>
      <c r="I102" s="706"/>
    </row>
    <row r="103" spans="1:10" ht="10.5" x14ac:dyDescent="0.2">
      <c r="A103" s="264" t="s">
        <v>760</v>
      </c>
      <c r="B103" s="686">
        <v>0</v>
      </c>
      <c r="C103" s="687"/>
      <c r="D103" s="686">
        <v>0</v>
      </c>
      <c r="E103" s="687"/>
      <c r="F103" s="686"/>
      <c r="G103" s="687"/>
      <c r="H103" s="686">
        <v>0</v>
      </c>
      <c r="I103" s="706"/>
    </row>
    <row r="104" spans="1:10" ht="10.5" x14ac:dyDescent="0.2">
      <c r="A104" s="264" t="s">
        <v>179</v>
      </c>
      <c r="B104" s="686">
        <v>0</v>
      </c>
      <c r="C104" s="687"/>
      <c r="D104" s="686">
        <v>0</v>
      </c>
      <c r="E104" s="687"/>
      <c r="F104" s="686"/>
      <c r="G104" s="687"/>
      <c r="H104" s="686">
        <v>0</v>
      </c>
      <c r="I104" s="706"/>
    </row>
    <row r="105" spans="1:10" ht="10.5" x14ac:dyDescent="0.2">
      <c r="A105" s="264" t="s">
        <v>186</v>
      </c>
      <c r="B105" s="686">
        <v>0</v>
      </c>
      <c r="C105" s="687"/>
      <c r="D105" s="686">
        <v>0</v>
      </c>
      <c r="E105" s="687"/>
      <c r="F105" s="686"/>
      <c r="G105" s="687"/>
      <c r="H105" s="686">
        <v>0</v>
      </c>
      <c r="I105" s="706"/>
    </row>
    <row r="106" spans="1:10" ht="10.5" x14ac:dyDescent="0.2">
      <c r="A106" s="264" t="s">
        <v>183</v>
      </c>
      <c r="B106" s="686">
        <v>40860000</v>
      </c>
      <c r="C106" s="687"/>
      <c r="D106" s="686">
        <v>40860000</v>
      </c>
      <c r="E106" s="687"/>
      <c r="F106" s="686">
        <v>0</v>
      </c>
      <c r="G106" s="687"/>
      <c r="H106" s="686">
        <v>0</v>
      </c>
      <c r="I106" s="706"/>
    </row>
    <row r="107" spans="1:10" s="66" customFormat="1" ht="10.5" x14ac:dyDescent="0.2">
      <c r="A107" s="66" t="s">
        <v>148</v>
      </c>
      <c r="B107" s="686">
        <v>0</v>
      </c>
      <c r="C107" s="687"/>
      <c r="D107" s="686">
        <v>0</v>
      </c>
      <c r="E107" s="687"/>
      <c r="F107" s="686">
        <v>0</v>
      </c>
      <c r="G107" s="687"/>
      <c r="H107" s="686">
        <v>0</v>
      </c>
      <c r="I107" s="706"/>
      <c r="J107" s="155"/>
    </row>
    <row r="108" spans="1:10" ht="10.5" x14ac:dyDescent="0.2">
      <c r="A108" s="122" t="s">
        <v>120</v>
      </c>
      <c r="B108" s="686">
        <v>0</v>
      </c>
      <c r="C108" s="687"/>
      <c r="D108" s="686">
        <v>0</v>
      </c>
      <c r="E108" s="687"/>
      <c r="F108" s="686"/>
      <c r="G108" s="687"/>
      <c r="H108" s="686">
        <v>0</v>
      </c>
      <c r="I108" s="706"/>
    </row>
    <row r="109" spans="1:10" ht="10.5" x14ac:dyDescent="0.2">
      <c r="A109" s="264" t="s">
        <v>228</v>
      </c>
      <c r="B109" s="686">
        <v>0</v>
      </c>
      <c r="C109" s="687"/>
      <c r="D109" s="686">
        <v>0</v>
      </c>
      <c r="E109" s="687"/>
      <c r="F109" s="686"/>
      <c r="G109" s="687"/>
      <c r="H109" s="686">
        <v>0</v>
      </c>
      <c r="I109" s="706"/>
    </row>
    <row r="110" spans="1:10" ht="10.5" x14ac:dyDescent="0.2">
      <c r="A110" s="122" t="s">
        <v>285</v>
      </c>
      <c r="B110" s="686">
        <v>0</v>
      </c>
      <c r="C110" s="687"/>
      <c r="D110" s="686">
        <v>0</v>
      </c>
      <c r="E110" s="687"/>
      <c r="F110" s="686"/>
      <c r="G110" s="687"/>
      <c r="H110" s="686">
        <v>0</v>
      </c>
      <c r="I110" s="706"/>
    </row>
    <row r="111" spans="1:10" s="152" customFormat="1" ht="10.5" x14ac:dyDescent="0.2">
      <c r="A111" s="66"/>
      <c r="B111" s="688"/>
      <c r="C111" s="689"/>
      <c r="D111" s="688"/>
      <c r="E111" s="689"/>
      <c r="F111" s="688"/>
      <c r="G111" s="689"/>
      <c r="H111" s="688"/>
      <c r="I111" s="727"/>
      <c r="J111" s="217"/>
    </row>
    <row r="112" spans="1:10" s="161" customFormat="1" ht="21.75" customHeight="1" x14ac:dyDescent="0.2">
      <c r="A112" s="162" t="s">
        <v>758</v>
      </c>
      <c r="B112" s="704">
        <v>40860000</v>
      </c>
      <c r="C112" s="705"/>
      <c r="D112" s="704">
        <v>48985998.119999997</v>
      </c>
      <c r="E112" s="705"/>
      <c r="F112" s="704">
        <v>8125998.1199999992</v>
      </c>
      <c r="G112" s="705"/>
      <c r="H112" s="704">
        <v>5473791.3499999996</v>
      </c>
      <c r="I112" s="726"/>
      <c r="J112" s="410"/>
    </row>
    <row r="113" spans="1:10" ht="10.5" x14ac:dyDescent="0.15">
      <c r="A113" s="196"/>
      <c r="B113" s="197"/>
      <c r="C113" s="197"/>
      <c r="D113" s="198"/>
      <c r="E113" s="198"/>
      <c r="F113" s="198"/>
      <c r="G113" s="199"/>
      <c r="H113" s="199"/>
      <c r="I113" s="199"/>
    </row>
    <row r="114" spans="1:10" ht="33" customHeight="1" x14ac:dyDescent="0.15">
      <c r="A114" s="192"/>
      <c r="B114" s="200" t="s">
        <v>157</v>
      </c>
      <c r="C114" s="200" t="s">
        <v>157</v>
      </c>
      <c r="D114" s="740" t="s">
        <v>158</v>
      </c>
      <c r="E114" s="742"/>
      <c r="F114" s="782" t="s">
        <v>159</v>
      </c>
      <c r="G114" s="811"/>
      <c r="H114" s="782" t="s">
        <v>347</v>
      </c>
      <c r="I114" s="783"/>
    </row>
    <row r="115" spans="1:10" ht="15" customHeight="1" x14ac:dyDescent="0.2">
      <c r="A115" s="194" t="s">
        <v>149</v>
      </c>
      <c r="B115" s="796" t="s">
        <v>111</v>
      </c>
      <c r="C115" s="796" t="s">
        <v>112</v>
      </c>
      <c r="D115" s="303" t="s">
        <v>115</v>
      </c>
      <c r="E115" s="303" t="s">
        <v>115</v>
      </c>
      <c r="F115" s="303" t="s">
        <v>115</v>
      </c>
      <c r="G115" s="303" t="s">
        <v>115</v>
      </c>
      <c r="H115" s="778" t="s">
        <v>880</v>
      </c>
      <c r="I115" s="780" t="s">
        <v>881</v>
      </c>
    </row>
    <row r="116" spans="1:10" ht="15" customHeight="1" x14ac:dyDescent="0.2">
      <c r="A116" s="193"/>
      <c r="B116" s="768"/>
      <c r="C116" s="768"/>
      <c r="D116" s="308">
        <v>2016</v>
      </c>
      <c r="E116" s="307">
        <v>2015</v>
      </c>
      <c r="F116" s="308">
        <v>2016</v>
      </c>
      <c r="G116" s="307">
        <v>2015</v>
      </c>
      <c r="H116" s="779"/>
      <c r="I116" s="781"/>
    </row>
    <row r="117" spans="1:10" s="66" customFormat="1" ht="12.75" customHeight="1" x14ac:dyDescent="0.2">
      <c r="A117" s="160" t="s">
        <v>150</v>
      </c>
      <c r="B117" s="529">
        <v>0</v>
      </c>
      <c r="C117" s="529">
        <v>0</v>
      </c>
      <c r="D117" s="529">
        <v>0</v>
      </c>
      <c r="E117" s="529">
        <v>0</v>
      </c>
      <c r="F117" s="529">
        <v>0</v>
      </c>
      <c r="G117" s="529">
        <v>0</v>
      </c>
      <c r="H117" s="529">
        <v>0</v>
      </c>
      <c r="I117" s="530">
        <v>0</v>
      </c>
      <c r="J117" s="155"/>
    </row>
    <row r="118" spans="1:10" ht="10.5" x14ac:dyDescent="0.2">
      <c r="A118" s="29" t="s">
        <v>204</v>
      </c>
      <c r="B118" s="427"/>
      <c r="C118" s="427"/>
      <c r="D118" s="427"/>
      <c r="E118" s="427"/>
      <c r="F118" s="427"/>
      <c r="G118" s="427"/>
      <c r="H118" s="427"/>
      <c r="I118" s="527"/>
    </row>
    <row r="119" spans="1:10" ht="10.5" x14ac:dyDescent="0.2">
      <c r="A119" s="30" t="s">
        <v>205</v>
      </c>
      <c r="B119" s="427"/>
      <c r="C119" s="427"/>
      <c r="D119" s="427"/>
      <c r="E119" s="427"/>
      <c r="F119" s="427"/>
      <c r="G119" s="427"/>
      <c r="H119" s="427"/>
      <c r="I119" s="527"/>
    </row>
    <row r="120" spans="1:10" s="66" customFormat="1" ht="21" x14ac:dyDescent="0.2">
      <c r="A120" s="401" t="s">
        <v>151</v>
      </c>
      <c r="B120" s="362">
        <v>0</v>
      </c>
      <c r="C120" s="362">
        <v>0</v>
      </c>
      <c r="D120" s="362">
        <v>0</v>
      </c>
      <c r="E120" s="362">
        <v>0</v>
      </c>
      <c r="F120" s="362">
        <v>0</v>
      </c>
      <c r="G120" s="362">
        <v>0</v>
      </c>
      <c r="H120" s="362">
        <v>0</v>
      </c>
      <c r="I120" s="363">
        <v>0</v>
      </c>
      <c r="J120" s="155"/>
    </row>
    <row r="121" spans="1:10" ht="14.25" customHeight="1" x14ac:dyDescent="0.2">
      <c r="A121" s="182" t="s">
        <v>848</v>
      </c>
      <c r="B121" s="154"/>
      <c r="C121" s="154"/>
      <c r="D121" s="154"/>
      <c r="E121" s="154"/>
      <c r="I121" s="293"/>
    </row>
    <row r="122" spans="1:10" s="20" customFormat="1" ht="11.25" customHeight="1" x14ac:dyDescent="0.2">
      <c r="A122" s="217"/>
      <c r="J122" s="217"/>
    </row>
    <row r="124" spans="1:10" s="264" customFormat="1" ht="11.25" customHeight="1" x14ac:dyDescent="0.2">
      <c r="J124" s="217"/>
    </row>
    <row r="125" spans="1:10" s="264" customFormat="1" ht="11.25" customHeight="1" x14ac:dyDescent="0.2">
      <c r="J125" s="217"/>
    </row>
    <row r="128" spans="1:10" ht="11.25" customHeight="1" x14ac:dyDescent="0.2">
      <c r="A128" s="264"/>
      <c r="B128" s="264"/>
      <c r="C128" s="264"/>
      <c r="D128" s="264"/>
      <c r="E128" s="264"/>
      <c r="F128" s="264"/>
      <c r="G128" s="264"/>
      <c r="H128" s="264"/>
      <c r="I128" s="264"/>
    </row>
    <row r="130" s="45" customFormat="1" ht="11.25" customHeight="1" x14ac:dyDescent="0.2"/>
    <row r="131" s="45" customFormat="1" ht="11.25" customHeight="1" x14ac:dyDescent="0.2"/>
    <row r="132" s="45" customFormat="1" ht="11.25" customHeight="1" x14ac:dyDescent="0.2"/>
    <row r="133" s="45" customFormat="1" ht="11.25" customHeight="1" x14ac:dyDescent="0.2"/>
    <row r="134" s="45" customFormat="1" ht="11.25" customHeight="1" x14ac:dyDescent="0.2"/>
    <row r="135" s="45" customFormat="1" ht="11.25" customHeight="1" x14ac:dyDescent="0.2"/>
    <row r="136" s="45" customFormat="1" ht="11.25" customHeight="1" x14ac:dyDescent="0.2"/>
  </sheetData>
  <dataConsolidate/>
  <customSheetViews>
    <customSheetView guid="{C779D862-DE28-46CD-A428-4AAA1056D1E1}" showPageBreaks="1" showGridLines="0" fitToPage="1" printArea="1" topLeftCell="A7">
      <selection activeCell="A31" sqref="A31"/>
      <pageMargins left="0.19685039370078741" right="0.19685039370078741" top="0.59055118110236227" bottom="0.19685039370078741" header="0" footer="0"/>
      <printOptions horizontalCentered="1"/>
      <pageSetup paperSize="9" scale="49" orientation="portrait" r:id="rId1"/>
      <headerFooter alignWithMargins="0"/>
    </customSheetView>
    <customSheetView guid="{B467DF90-BD78-4523-834B-7425556A2F17}" showPageBreaks="1" showGridLines="0" fitToPage="1" printArea="1" topLeftCell="A43">
      <selection activeCell="F61" sqref="F61"/>
      <pageMargins left="0.19685039370078741" right="0.19685039370078741" top="0.59055118110236227" bottom="0.19685039370078741" header="0" footer="0"/>
      <printOptions horizontalCentered="1"/>
      <pageSetup paperSize="9" scale="49" orientation="portrait" r:id="rId2"/>
      <headerFooter alignWithMargins="0"/>
    </customSheetView>
    <customSheetView guid="{3AAF6A5F-F9AA-430B-9AD9-1261ECDF41B5}" showPageBreaks="1" showGridLines="0" fitToPage="1" printArea="1" topLeftCell="B88">
      <selection activeCell="E126" sqref="E126"/>
      <pageMargins left="0.19685039370078741" right="0.19685039370078741" top="0.59055118110236227" bottom="0.19685039370078741" header="0" footer="0"/>
      <printOptions horizontalCentered="1"/>
      <pageSetup paperSize="9" scale="49" orientation="portrait" r:id="rId3"/>
      <headerFooter alignWithMargins="0"/>
    </customSheetView>
    <customSheetView guid="{25EF1E0D-169B-4051-B414-7E1196FC05E4}" showPageBreaks="1" showGridLines="0" fitToPage="1" printArea="1" topLeftCell="A43">
      <selection activeCell="F61" sqref="F61"/>
      <pageMargins left="0.19685039370078741" right="0.19685039370078741" top="0.59055118110236227" bottom="0.19685039370078741" header="0" footer="0"/>
      <printOptions horizontalCentered="1"/>
      <pageSetup paperSize="9" scale="49" orientation="portrait" r:id="rId4"/>
      <headerFooter alignWithMargins="0"/>
    </customSheetView>
    <customSheetView guid="{6DBFA32C-4AA4-4E1D-9A48-697377C64CC3}" showPageBreaks="1" showGridLines="0" fitToPage="1" printArea="1" topLeftCell="B4">
      <selection activeCell="H9" sqref="H9"/>
      <pageMargins left="0.19685039370078741" right="0.19685039370078741" top="0.59055118110236227" bottom="0.19685039370078741" header="0" footer="0"/>
      <printOptions horizontalCentered="1"/>
      <pageSetup paperSize="9" scale="48"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7"/>
      <headerFooter alignWithMargins="0"/>
    </customSheetView>
    <customSheetView guid="{82EDB5A4-4824-4632-A540-7A52C92F04C7}" showPageBreaks="1" showGridLines="0" fitToPage="1" printArea="1">
      <selection activeCell="F24" sqref="F24:G24"/>
      <pageMargins left="0.19685039370078741" right="0.19685039370078741" top="0.59055118110236227" bottom="0.19685039370078741" header="0" footer="0"/>
      <printOptions horizontalCentered="1"/>
      <pageSetup paperSize="9" scale="49" orientation="portrait" r:id="rId8"/>
      <headerFooter alignWithMargins="0"/>
    </customSheetView>
  </customSheetViews>
  <mergeCells count="30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4:C14"/>
    <mergeCell ref="D13:E13"/>
    <mergeCell ref="F13:G13"/>
    <mergeCell ref="H13:I13"/>
    <mergeCell ref="D14:E14"/>
    <mergeCell ref="F14:G14"/>
    <mergeCell ref="H14:I14"/>
    <mergeCell ref="B15:C15"/>
    <mergeCell ref="D15:E15"/>
    <mergeCell ref="F15:G15"/>
    <mergeCell ref="H15:I15"/>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F31:G31"/>
    <mergeCell ref="H31:I31"/>
    <mergeCell ref="B32:C32"/>
    <mergeCell ref="D32:E32"/>
    <mergeCell ref="F32:G32"/>
    <mergeCell ref="H32:I32"/>
    <mergeCell ref="F29:G29"/>
    <mergeCell ref="H29:I29"/>
    <mergeCell ref="B30:C30"/>
    <mergeCell ref="D30:E30"/>
    <mergeCell ref="F30:G30"/>
    <mergeCell ref="H30:I30"/>
    <mergeCell ref="A65:A67"/>
    <mergeCell ref="H41:I41"/>
    <mergeCell ref="F41:G41"/>
    <mergeCell ref="D41:E41"/>
    <mergeCell ref="B37:C37"/>
    <mergeCell ref="D37:E37"/>
    <mergeCell ref="F37:G37"/>
    <mergeCell ref="H37:I37"/>
    <mergeCell ref="B38:C38"/>
    <mergeCell ref="D38:E38"/>
    <mergeCell ref="F38:G38"/>
    <mergeCell ref="A41:A43"/>
    <mergeCell ref="H67:I67"/>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69:C69"/>
    <mergeCell ref="D69:E69"/>
    <mergeCell ref="F69:G69"/>
    <mergeCell ref="H69:I69"/>
    <mergeCell ref="B70:C70"/>
    <mergeCell ref="D70:E70"/>
    <mergeCell ref="F70:G70"/>
    <mergeCell ref="H70:I70"/>
    <mergeCell ref="B71:C71"/>
    <mergeCell ref="D71:E71"/>
    <mergeCell ref="F71:G71"/>
    <mergeCell ref="H71:I71"/>
    <mergeCell ref="B72:C72"/>
    <mergeCell ref="D72:E72"/>
    <mergeCell ref="F72:G72"/>
    <mergeCell ref="H72:I72"/>
    <mergeCell ref="B73:C73"/>
    <mergeCell ref="D73:E73"/>
    <mergeCell ref="F73:G73"/>
    <mergeCell ref="H73:I73"/>
    <mergeCell ref="B74:C74"/>
    <mergeCell ref="D74:E74"/>
    <mergeCell ref="F74:G74"/>
    <mergeCell ref="H74:I74"/>
    <mergeCell ref="B75:C75"/>
    <mergeCell ref="D75:E75"/>
    <mergeCell ref="F75:G75"/>
    <mergeCell ref="H75:I75"/>
    <mergeCell ref="B76:C76"/>
    <mergeCell ref="D76:E76"/>
    <mergeCell ref="F76:G76"/>
    <mergeCell ref="H76:I76"/>
    <mergeCell ref="A78:C78"/>
    <mergeCell ref="D78:I78"/>
    <mergeCell ref="A79:C79"/>
    <mergeCell ref="D79:I79"/>
    <mergeCell ref="A81:C82"/>
    <mergeCell ref="D81:I81"/>
    <mergeCell ref="D82:F82"/>
    <mergeCell ref="G82:I82"/>
    <mergeCell ref="A86:C86"/>
    <mergeCell ref="D86:F86"/>
    <mergeCell ref="G86:I86"/>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s>
  <phoneticPr fontId="1" type="noConversion"/>
  <printOptions horizontalCentered="1"/>
  <pageMargins left="0.19685039370078741" right="0.19685039370078741" top="0.59055118110236227" bottom="0.19685039370078741" header="0" footer="0"/>
  <pageSetup paperSize="9" scale="49" orientation="portrait" r:id="rId9"/>
  <headerFooter alignWithMargins="0"/>
  <drawing r:id="rId1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pageSetUpPr fitToPage="1"/>
  </sheetPr>
  <dimension ref="A1:G60"/>
  <sheetViews>
    <sheetView showGridLines="0" zoomScaleNormal="100" workbookViewId="0"/>
  </sheetViews>
  <sheetFormatPr defaultRowHeight="11.25" customHeight="1" x14ac:dyDescent="0.2"/>
  <cols>
    <col min="1" max="1" width="65.140625" style="170" customWidth="1"/>
    <col min="2" max="2" width="19" style="170" bestFit="1" customWidth="1"/>
    <col min="3" max="3" width="14.140625" style="170" customWidth="1"/>
    <col min="4" max="4" width="19" style="170" bestFit="1" customWidth="1"/>
    <col min="5" max="5" width="19.5703125" style="170" customWidth="1"/>
    <col min="6" max="6" width="19" style="170" bestFit="1" customWidth="1"/>
    <col min="7" max="7" width="16.42578125" style="170" customWidth="1"/>
    <col min="8" max="16384" width="9.140625" style="170"/>
  </cols>
  <sheetData>
    <row r="1" spans="1:7" s="26" customFormat="1" ht="10.5" x14ac:dyDescent="0.2">
      <c r="A1" s="291"/>
      <c r="B1" s="291"/>
      <c r="C1" s="291"/>
      <c r="D1" s="291"/>
      <c r="E1" s="291"/>
      <c r="F1" s="291"/>
      <c r="G1" s="291"/>
    </row>
    <row r="2" spans="1:7" s="26" customFormat="1" ht="10.5" x14ac:dyDescent="0.2">
      <c r="D2" s="112"/>
      <c r="E2" s="112"/>
    </row>
    <row r="3" spans="1:7" s="45" customFormat="1" ht="10.5" x14ac:dyDescent="0.2">
      <c r="A3" s="731" t="s">
        <v>637</v>
      </c>
      <c r="B3" s="731"/>
      <c r="C3" s="731"/>
      <c r="D3" s="731"/>
      <c r="E3" s="731"/>
      <c r="F3" s="731"/>
      <c r="G3" s="731"/>
    </row>
    <row r="4" spans="1:7" s="45" customFormat="1" ht="10.5" x14ac:dyDescent="0.2">
      <c r="A4" s="731" t="s">
        <v>105</v>
      </c>
      <c r="B4" s="731"/>
      <c r="C4" s="731"/>
      <c r="D4" s="731"/>
      <c r="E4" s="731"/>
      <c r="F4" s="731"/>
      <c r="G4" s="731"/>
    </row>
    <row r="5" spans="1:7" s="45" customFormat="1" ht="10.5" x14ac:dyDescent="0.2">
      <c r="A5" s="731" t="s">
        <v>551</v>
      </c>
      <c r="B5" s="731"/>
      <c r="C5" s="731"/>
      <c r="D5" s="731"/>
      <c r="E5" s="731"/>
      <c r="F5" s="731"/>
      <c r="G5" s="731"/>
    </row>
    <row r="6" spans="1:7" s="45" customFormat="1" ht="10.5" x14ac:dyDescent="0.2">
      <c r="A6" s="731" t="s">
        <v>107</v>
      </c>
      <c r="B6" s="731"/>
      <c r="C6" s="731"/>
      <c r="D6" s="731"/>
      <c r="E6" s="731"/>
      <c r="F6" s="731"/>
      <c r="G6" s="731"/>
    </row>
    <row r="7" spans="1:7" s="45" customFormat="1" ht="10.5" x14ac:dyDescent="0.2">
      <c r="A7" s="731" t="s">
        <v>863</v>
      </c>
      <c r="B7" s="731"/>
      <c r="C7" s="731"/>
      <c r="D7" s="731"/>
      <c r="E7" s="731"/>
      <c r="F7" s="731"/>
      <c r="G7" s="731"/>
    </row>
    <row r="8" spans="1:7" s="26" customFormat="1" ht="10.5" x14ac:dyDescent="0.2">
      <c r="A8" s="46"/>
      <c r="B8" s="46"/>
      <c r="C8" s="46"/>
      <c r="D8" s="46"/>
      <c r="E8" s="46"/>
      <c r="F8" s="46"/>
      <c r="G8" s="46"/>
    </row>
    <row r="9" spans="1:7" s="26" customFormat="1" ht="10.5" x14ac:dyDescent="0.2">
      <c r="A9" s="26" t="s">
        <v>552</v>
      </c>
      <c r="D9" s="131"/>
      <c r="E9" s="112"/>
      <c r="G9" s="626">
        <v>1</v>
      </c>
    </row>
    <row r="10" spans="1:7" s="66" customFormat="1" ht="15" customHeight="1" x14ac:dyDescent="0.2">
      <c r="A10" s="766" t="s">
        <v>553</v>
      </c>
      <c r="B10" s="782" t="s">
        <v>161</v>
      </c>
      <c r="C10" s="783"/>
      <c r="D10" s="783"/>
      <c r="E10" s="783"/>
      <c r="F10" s="783"/>
      <c r="G10" s="783"/>
    </row>
    <row r="11" spans="1:7" s="66" customFormat="1" ht="15" customHeight="1" x14ac:dyDescent="0.2">
      <c r="A11" s="769"/>
      <c r="B11" s="764" t="s">
        <v>878</v>
      </c>
      <c r="C11" s="766"/>
      <c r="D11" s="734" t="s">
        <v>878</v>
      </c>
      <c r="E11" s="839"/>
      <c r="F11" s="734" t="s">
        <v>879</v>
      </c>
      <c r="G11" s="839"/>
    </row>
    <row r="12" spans="1:7" s="66" customFormat="1" ht="15" customHeight="1" x14ac:dyDescent="0.2">
      <c r="A12" s="770"/>
      <c r="B12" s="781" t="s">
        <v>116</v>
      </c>
      <c r="C12" s="801"/>
      <c r="D12" s="840" t="s">
        <v>117</v>
      </c>
      <c r="E12" s="748"/>
      <c r="F12" s="747" t="s">
        <v>152</v>
      </c>
      <c r="G12" s="840"/>
    </row>
    <row r="13" spans="1:7" s="66" customFormat="1" ht="10.5" x14ac:dyDescent="0.2">
      <c r="A13" s="155" t="s">
        <v>554</v>
      </c>
      <c r="B13" s="700">
        <v>8801324237.5200005</v>
      </c>
      <c r="C13" s="701"/>
      <c r="D13" s="700">
        <v>8801324237.5200005</v>
      </c>
      <c r="E13" s="701"/>
      <c r="F13" s="700">
        <v>8887363509.3899994</v>
      </c>
      <c r="G13" s="715"/>
    </row>
    <row r="14" spans="1:7" s="66" customFormat="1" ht="10.5" x14ac:dyDescent="0.2">
      <c r="A14" s="155" t="s">
        <v>184</v>
      </c>
      <c r="B14" s="698">
        <v>1380230957.5900002</v>
      </c>
      <c r="C14" s="699"/>
      <c r="D14" s="698">
        <v>1380230957.5900002</v>
      </c>
      <c r="E14" s="699"/>
      <c r="F14" s="698">
        <v>1453683939.1500001</v>
      </c>
      <c r="G14" s="718"/>
    </row>
    <row r="15" spans="1:7" ht="10.5" x14ac:dyDescent="0.2">
      <c r="A15" s="169" t="s">
        <v>555</v>
      </c>
      <c r="B15" s="686">
        <v>1415582358.1700001</v>
      </c>
      <c r="C15" s="687"/>
      <c r="D15" s="686">
        <v>1415582358.1700001</v>
      </c>
      <c r="E15" s="687"/>
      <c r="F15" s="686">
        <v>1610202851.7</v>
      </c>
      <c r="G15" s="706"/>
    </row>
    <row r="16" spans="1:7" ht="10.5" x14ac:dyDescent="0.2">
      <c r="A16" s="169" t="s">
        <v>556</v>
      </c>
      <c r="B16" s="686">
        <v>0</v>
      </c>
      <c r="C16" s="687"/>
      <c r="D16" s="686">
        <v>0</v>
      </c>
      <c r="E16" s="687"/>
      <c r="F16" s="686">
        <v>0</v>
      </c>
      <c r="G16" s="706"/>
    </row>
    <row r="17" spans="1:7" ht="10.5" x14ac:dyDescent="0.2">
      <c r="A17" s="169" t="s">
        <v>557</v>
      </c>
      <c r="B17" s="686">
        <v>35351400.579999998</v>
      </c>
      <c r="C17" s="687"/>
      <c r="D17" s="686">
        <v>35351400.579999998</v>
      </c>
      <c r="E17" s="687"/>
      <c r="F17" s="686">
        <v>156518912.55000001</v>
      </c>
      <c r="G17" s="706"/>
    </row>
    <row r="18" spans="1:7" s="66" customFormat="1" ht="10.5" x14ac:dyDescent="0.2">
      <c r="A18" s="155" t="s">
        <v>558</v>
      </c>
      <c r="B18" s="698">
        <v>7421093279.9300003</v>
      </c>
      <c r="C18" s="699"/>
      <c r="D18" s="698">
        <v>7421093279.9300003</v>
      </c>
      <c r="E18" s="699"/>
      <c r="F18" s="698">
        <v>7433679570.2399998</v>
      </c>
      <c r="G18" s="718"/>
    </row>
    <row r="19" spans="1:7" s="66" customFormat="1" ht="10.5" x14ac:dyDescent="0.2">
      <c r="A19" s="155" t="s">
        <v>559</v>
      </c>
      <c r="B19" s="698">
        <v>0</v>
      </c>
      <c r="C19" s="699"/>
      <c r="D19" s="698">
        <v>0</v>
      </c>
      <c r="E19" s="699"/>
      <c r="F19" s="698">
        <v>0</v>
      </c>
      <c r="G19" s="718"/>
    </row>
    <row r="20" spans="1:7" s="66" customFormat="1" ht="10.5" x14ac:dyDescent="0.2">
      <c r="A20" s="155" t="s">
        <v>560</v>
      </c>
      <c r="B20" s="692">
        <v>92809023.230000004</v>
      </c>
      <c r="C20" s="693"/>
      <c r="D20" s="692">
        <v>92809023.230000004</v>
      </c>
      <c r="E20" s="693"/>
      <c r="F20" s="692">
        <v>93237683.379999995</v>
      </c>
      <c r="G20" s="728"/>
    </row>
    <row r="21" spans="1:7" s="66" customFormat="1" ht="15" customHeight="1" x14ac:dyDescent="0.2">
      <c r="A21" s="114" t="s">
        <v>561</v>
      </c>
      <c r="B21" s="704">
        <v>7328284256.7000008</v>
      </c>
      <c r="C21" s="705"/>
      <c r="D21" s="704">
        <v>7328284256.7000008</v>
      </c>
      <c r="E21" s="705"/>
      <c r="F21" s="704">
        <v>7340441886.8599997</v>
      </c>
      <c r="G21" s="726"/>
    </row>
    <row r="22" spans="1:7" ht="10.5" x14ac:dyDescent="0.2">
      <c r="B22" s="45"/>
      <c r="C22" s="45"/>
      <c r="D22" s="45"/>
      <c r="E22" s="45"/>
      <c r="F22" s="45"/>
      <c r="G22" s="45"/>
    </row>
    <row r="23" spans="1:7" s="66" customFormat="1" ht="15" customHeight="1" x14ac:dyDescent="0.2">
      <c r="A23" s="109"/>
      <c r="B23" s="740" t="s">
        <v>208</v>
      </c>
      <c r="C23" s="741"/>
      <c r="D23" s="741"/>
      <c r="E23" s="741"/>
      <c r="F23" s="741"/>
      <c r="G23" s="741"/>
    </row>
    <row r="24" spans="1:7" s="66" customFormat="1" ht="15" customHeight="1" x14ac:dyDescent="0.2">
      <c r="A24" s="167" t="s">
        <v>562</v>
      </c>
      <c r="B24" s="164"/>
      <c r="C24" s="165" t="s">
        <v>113</v>
      </c>
      <c r="D24" s="166"/>
      <c r="E24" s="164"/>
      <c r="F24" s="165" t="s">
        <v>115</v>
      </c>
      <c r="G24" s="165"/>
    </row>
    <row r="25" spans="1:7" s="66" customFormat="1" ht="15" customHeight="1" x14ac:dyDescent="0.2">
      <c r="A25" s="49"/>
      <c r="B25" s="16"/>
      <c r="C25" s="406" t="s">
        <v>563</v>
      </c>
      <c r="D25" s="163"/>
      <c r="E25" s="16"/>
      <c r="F25" s="406" t="s">
        <v>564</v>
      </c>
      <c r="G25" s="181"/>
    </row>
    <row r="26" spans="1:7" s="66" customFormat="1" ht="15" customHeight="1" x14ac:dyDescent="0.2">
      <c r="A26" s="168" t="s">
        <v>209</v>
      </c>
      <c r="B26" s="842">
        <v>12157630.159998894</v>
      </c>
      <c r="C26" s="843"/>
      <c r="D26" s="844"/>
      <c r="E26" s="842">
        <v>12157630.159998894</v>
      </c>
      <c r="F26" s="843"/>
      <c r="G26" s="843"/>
    </row>
    <row r="27" spans="1:7" ht="10.5" x14ac:dyDescent="0.2">
      <c r="B27" s="45"/>
      <c r="C27" s="45"/>
      <c r="D27" s="56"/>
      <c r="E27" s="56"/>
      <c r="F27" s="45"/>
      <c r="G27" s="45"/>
    </row>
    <row r="28" spans="1:7" s="66" customFormat="1" ht="15" customHeight="1" x14ac:dyDescent="0.2">
      <c r="A28" s="765" t="s">
        <v>565</v>
      </c>
      <c r="B28" s="765"/>
      <c r="C28" s="765"/>
      <c r="D28" s="766"/>
      <c r="E28" s="780" t="s">
        <v>566</v>
      </c>
      <c r="F28" s="812"/>
      <c r="G28" s="812"/>
    </row>
    <row r="29" spans="1:7" s="66" customFormat="1" ht="15" customHeight="1" x14ac:dyDescent="0.2">
      <c r="A29" s="837" t="s">
        <v>756</v>
      </c>
      <c r="B29" s="837"/>
      <c r="C29" s="837"/>
      <c r="D29" s="838"/>
      <c r="E29" s="835">
        <v>-297236000</v>
      </c>
      <c r="F29" s="836"/>
      <c r="G29" s="836"/>
    </row>
    <row r="30" spans="1:7" ht="10.5" x14ac:dyDescent="0.2">
      <c r="A30" s="25"/>
      <c r="B30" s="25"/>
      <c r="C30" s="25"/>
      <c r="D30" s="25"/>
      <c r="E30" s="64"/>
      <c r="F30" s="64"/>
      <c r="G30" s="64"/>
    </row>
    <row r="31" spans="1:7" s="66" customFormat="1" ht="15" customHeight="1" x14ac:dyDescent="0.2">
      <c r="A31" s="741" t="s">
        <v>567</v>
      </c>
      <c r="B31" s="741"/>
      <c r="C31" s="741"/>
      <c r="D31" s="741"/>
      <c r="E31" s="741"/>
      <c r="F31" s="741"/>
      <c r="G31" s="741"/>
    </row>
    <row r="32" spans="1:7" s="66" customFormat="1" ht="15" customHeight="1" x14ac:dyDescent="0.2">
      <c r="A32" s="109"/>
      <c r="B32" s="782" t="s">
        <v>161</v>
      </c>
      <c r="C32" s="783"/>
      <c r="D32" s="783"/>
      <c r="E32" s="783"/>
      <c r="F32" s="783"/>
      <c r="G32" s="783"/>
    </row>
    <row r="33" spans="1:7" s="66" customFormat="1" ht="15" customHeight="1" x14ac:dyDescent="0.2">
      <c r="A33" s="167" t="s">
        <v>568</v>
      </c>
      <c r="B33" s="764" t="s">
        <v>878</v>
      </c>
      <c r="C33" s="766"/>
      <c r="D33" s="734" t="s">
        <v>878</v>
      </c>
      <c r="E33" s="721"/>
      <c r="F33" s="734" t="s">
        <v>879</v>
      </c>
      <c r="G33" s="841"/>
    </row>
    <row r="34" spans="1:7" s="66" customFormat="1" ht="15" customHeight="1" x14ac:dyDescent="0.2">
      <c r="A34" s="49"/>
      <c r="B34" s="781" t="s">
        <v>116</v>
      </c>
      <c r="C34" s="801"/>
      <c r="D34" s="840" t="s">
        <v>117</v>
      </c>
      <c r="E34" s="748"/>
      <c r="F34" s="747" t="s">
        <v>152</v>
      </c>
      <c r="G34" s="840"/>
    </row>
    <row r="35" spans="1:7" s="66" customFormat="1" ht="10.5" x14ac:dyDescent="0.2">
      <c r="A35" s="66" t="s">
        <v>569</v>
      </c>
      <c r="B35" s="700">
        <v>532039590.57999998</v>
      </c>
      <c r="C35" s="701"/>
      <c r="D35" s="700">
        <v>532039590.57999998</v>
      </c>
      <c r="E35" s="701"/>
      <c r="F35" s="700">
        <v>532039590.57999998</v>
      </c>
      <c r="G35" s="715"/>
    </row>
    <row r="36" spans="1:7" ht="10.5" x14ac:dyDescent="0.2">
      <c r="A36" s="170" t="s">
        <v>570</v>
      </c>
      <c r="B36" s="686">
        <v>532039590.57999998</v>
      </c>
      <c r="C36" s="687"/>
      <c r="D36" s="686">
        <v>532039590.57999998</v>
      </c>
      <c r="E36" s="687"/>
      <c r="F36" s="686">
        <v>532039590.57999998</v>
      </c>
      <c r="G36" s="706"/>
    </row>
    <row r="37" spans="1:7" ht="10.5" x14ac:dyDescent="0.2">
      <c r="A37" s="170" t="s">
        <v>571</v>
      </c>
      <c r="B37" s="686">
        <v>0</v>
      </c>
      <c r="C37" s="687"/>
      <c r="D37" s="686">
        <v>0</v>
      </c>
      <c r="E37" s="687"/>
      <c r="F37" s="686">
        <v>0</v>
      </c>
      <c r="G37" s="706"/>
    </row>
    <row r="38" spans="1:7" s="66" customFormat="1" ht="10.5" x14ac:dyDescent="0.2">
      <c r="A38" s="66" t="s">
        <v>572</v>
      </c>
      <c r="B38" s="698">
        <v>534821017.93999994</v>
      </c>
      <c r="C38" s="699"/>
      <c r="D38" s="698">
        <v>534821017.93999994</v>
      </c>
      <c r="E38" s="699"/>
      <c r="F38" s="698">
        <v>448890566.41999996</v>
      </c>
      <c r="G38" s="718"/>
    </row>
    <row r="39" spans="1:7" ht="10.5" x14ac:dyDescent="0.2">
      <c r="A39" s="170" t="s">
        <v>573</v>
      </c>
      <c r="B39" s="686">
        <v>2855447.07</v>
      </c>
      <c r="C39" s="687"/>
      <c r="D39" s="686">
        <v>2855447.07</v>
      </c>
      <c r="E39" s="687"/>
      <c r="F39" s="686">
        <v>134272507.09</v>
      </c>
      <c r="G39" s="706"/>
    </row>
    <row r="40" spans="1:7" ht="10.5" x14ac:dyDescent="0.2">
      <c r="A40" s="170" t="s">
        <v>574</v>
      </c>
      <c r="B40" s="686">
        <v>532035161.77999997</v>
      </c>
      <c r="C40" s="687"/>
      <c r="D40" s="686">
        <v>532035161.77999997</v>
      </c>
      <c r="E40" s="687"/>
      <c r="F40" s="686">
        <v>347943352.19999999</v>
      </c>
      <c r="G40" s="706"/>
    </row>
    <row r="41" spans="1:7" ht="10.5" x14ac:dyDescent="0.2">
      <c r="A41" s="170" t="s">
        <v>556</v>
      </c>
      <c r="B41" s="686">
        <v>0</v>
      </c>
      <c r="C41" s="687"/>
      <c r="D41" s="686">
        <v>0</v>
      </c>
      <c r="E41" s="687"/>
      <c r="F41" s="686">
        <v>0</v>
      </c>
      <c r="G41" s="706"/>
    </row>
    <row r="42" spans="1:7" ht="10.5" x14ac:dyDescent="0.2">
      <c r="A42" s="170" t="s">
        <v>575</v>
      </c>
      <c r="B42" s="686">
        <v>69590.91</v>
      </c>
      <c r="C42" s="687"/>
      <c r="D42" s="686">
        <v>69590.91</v>
      </c>
      <c r="E42" s="687"/>
      <c r="F42" s="686">
        <v>33325292.870000001</v>
      </c>
      <c r="G42" s="706"/>
    </row>
    <row r="43" spans="1:7" s="66" customFormat="1" ht="12.75" customHeight="1" x14ac:dyDescent="0.2">
      <c r="A43" s="66" t="s">
        <v>576</v>
      </c>
      <c r="B43" s="698">
        <v>-2781427.3599999547</v>
      </c>
      <c r="C43" s="699"/>
      <c r="D43" s="698">
        <v>-2781427.3599999547</v>
      </c>
      <c r="E43" s="699"/>
      <c r="F43" s="698">
        <v>83149024.160000026</v>
      </c>
      <c r="G43" s="718"/>
    </row>
    <row r="44" spans="1:7" s="66" customFormat="1" ht="13.5" customHeight="1" x14ac:dyDescent="0.2">
      <c r="A44" s="66" t="s">
        <v>577</v>
      </c>
      <c r="B44" s="692"/>
      <c r="C44" s="693"/>
      <c r="D44" s="692"/>
      <c r="E44" s="693"/>
      <c r="F44" s="692"/>
      <c r="G44" s="728"/>
    </row>
    <row r="45" spans="1:7" s="66" customFormat="1" ht="15" customHeight="1" x14ac:dyDescent="0.2">
      <c r="A45" s="114" t="s">
        <v>578</v>
      </c>
      <c r="B45" s="704">
        <v>-2781427.3599999547</v>
      </c>
      <c r="C45" s="705"/>
      <c r="D45" s="704">
        <v>-2781427.3599999547</v>
      </c>
      <c r="E45" s="705"/>
      <c r="F45" s="704">
        <v>83149024.160000026</v>
      </c>
      <c r="G45" s="726"/>
    </row>
    <row r="46" spans="1:7" ht="12.75" customHeight="1" x14ac:dyDescent="0.2">
      <c r="A46" s="45" t="s">
        <v>848</v>
      </c>
      <c r="B46" s="74"/>
      <c r="C46" s="74"/>
      <c r="D46" s="74"/>
      <c r="E46" s="74"/>
      <c r="F46" s="74"/>
      <c r="G46" s="296"/>
    </row>
    <row r="47" spans="1:7" ht="11.25" customHeight="1" x14ac:dyDescent="0.2">
      <c r="A47" s="178"/>
    </row>
    <row r="50" spans="1:7" ht="11.25" customHeight="1" x14ac:dyDescent="0.2">
      <c r="A50" s="264"/>
      <c r="B50" s="264"/>
      <c r="C50" s="264"/>
      <c r="D50" s="264"/>
      <c r="E50" s="264"/>
      <c r="F50" s="264"/>
      <c r="G50" s="264"/>
    </row>
    <row r="54" spans="1:7" s="45" customFormat="1" ht="11.25" customHeight="1" x14ac:dyDescent="0.2"/>
    <row r="55" spans="1:7" s="45" customFormat="1" ht="11.25" customHeight="1" x14ac:dyDescent="0.2"/>
    <row r="56" spans="1:7" s="45" customFormat="1" ht="11.25" customHeight="1" x14ac:dyDescent="0.2"/>
    <row r="57" spans="1:7" s="45" customFormat="1" ht="11.25" customHeight="1" x14ac:dyDescent="0.2"/>
    <row r="58" spans="1:7" s="45" customFormat="1" ht="11.25" customHeight="1" x14ac:dyDescent="0.2"/>
    <row r="59" spans="1:7" s="45" customFormat="1" ht="11.25" customHeight="1" x14ac:dyDescent="0.2"/>
    <row r="60" spans="1:7" s="45" customFormat="1" ht="11.25" customHeight="1" x14ac:dyDescent="0.2"/>
  </sheetData>
  <customSheetViews>
    <customSheetView guid="{C779D862-DE28-46CD-A428-4AAA1056D1E1}" showPageBreaks="1" showGridLines="0" fitToPage="1" printArea="1">
      <selection activeCell="E50" sqref="E50"/>
      <pageMargins left="0.19685039370078741" right="0.19685039370078741" top="0.59055118110236227" bottom="0.19685039370078741" header="0" footer="0"/>
      <printOptions horizontalCentered="1"/>
      <pageSetup paperSize="9" scale="58" orientation="portrait" r:id="rId1"/>
      <headerFooter alignWithMargins="0"/>
    </customSheetView>
    <customSheetView guid="{B467DF90-BD78-4523-834B-7425556A2F17}" showPageBreaks="1" showGridLines="0" fitToPage="1" printArea="1" topLeftCell="A7">
      <selection activeCell="E50" sqref="E50"/>
      <pageMargins left="0.19685039370078741" right="0.19685039370078741" top="0.59055118110236227" bottom="0.19685039370078741" header="0" footer="0"/>
      <printOptions horizontalCentered="1"/>
      <pageSetup paperSize="9" scale="59" orientation="portrait" r:id="rId2"/>
      <headerFooter alignWithMargins="0"/>
    </customSheetView>
    <customSheetView guid="{3AAF6A5F-F9AA-430B-9AD9-1261ECDF41B5}" showPageBreaks="1" showGridLines="0" fitToPage="1" printArea="1">
      <selection activeCell="B16" sqref="B16:C16"/>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25EF1E0D-169B-4051-B414-7E1196FC05E4}" showPageBreaks="1" showGridLines="0" fitToPage="1" printArea="1" topLeftCell="A7">
      <selection activeCell="E50" sqref="E50"/>
      <pageMargins left="0.19685039370078741" right="0.19685039370078741" top="0.59055118110236227" bottom="0.19685039370078741" header="0" footer="0"/>
      <printOptions horizontalCentered="1"/>
      <pageSetup paperSize="9" scale="59" orientation="portrait" r:id="rId4"/>
      <headerFooter alignWithMargins="0"/>
    </customSheetView>
    <customSheetView guid="{6DBFA32C-4AA4-4E1D-9A48-697377C64CC3}" scale="90" showPageBreaks="1" showGridLines="0" fitToPage="1" printArea="1" topLeftCell="A22">
      <selection activeCell="J47" sqref="J47"/>
      <pageMargins left="0.19685039370078741" right="0.19685039370078741" top="0.59055118110236227" bottom="0.19685039370078741" header="0" footer="0"/>
      <printOptions horizontalCentered="1"/>
      <pageSetup paperSize="9" scale="67"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7"/>
      <headerFooter alignWithMargins="0"/>
    </customSheetView>
    <customSheetView guid="{82EDB5A4-4824-4632-A540-7A52C92F04C7}" scale="90" showPageBreaks="1" showGridLines="0" fitToPage="1" printArea="1" topLeftCell="A10">
      <pane xSplit="1" ySplit="3" topLeftCell="B22" activePane="bottomRight" state="frozen"/>
      <selection pane="bottomRight" activeCell="I38" sqref="I38"/>
      <pageMargins left="0.19685039370078741" right="0.19685039370078741" top="0.59055118110236227" bottom="0.19685039370078741" header="0" footer="0"/>
      <printOptions horizontalCentered="1"/>
      <pageSetup paperSize="9" scale="59" orientation="portrait" r:id="rId8"/>
      <headerFooter alignWithMargins="0"/>
    </customSheetView>
  </customSheetViews>
  <mergeCells count="88">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41:G41"/>
    <mergeCell ref="B42:C42"/>
    <mergeCell ref="D42:E42"/>
    <mergeCell ref="F42:G42"/>
    <mergeCell ref="B39:C39"/>
    <mergeCell ref="D39:E39"/>
    <mergeCell ref="F39:G39"/>
    <mergeCell ref="B40:C40"/>
    <mergeCell ref="D40:E40"/>
    <mergeCell ref="F40:G40"/>
    <mergeCell ref="B37:C37"/>
    <mergeCell ref="D37:E37"/>
    <mergeCell ref="F37:G37"/>
    <mergeCell ref="B38:C38"/>
    <mergeCell ref="D38:E38"/>
    <mergeCell ref="F38:G38"/>
    <mergeCell ref="B35:C35"/>
    <mergeCell ref="D35:E35"/>
    <mergeCell ref="F35:G35"/>
    <mergeCell ref="B36:C36"/>
    <mergeCell ref="D36:E36"/>
    <mergeCell ref="F36:G36"/>
    <mergeCell ref="B33:C33"/>
    <mergeCell ref="D33:E33"/>
    <mergeCell ref="F33:G33"/>
    <mergeCell ref="B34:C34"/>
    <mergeCell ref="D34:E34"/>
    <mergeCell ref="F34:G34"/>
    <mergeCell ref="F15:G15"/>
    <mergeCell ref="B16:C16"/>
    <mergeCell ref="D16:E16"/>
    <mergeCell ref="F16:G16"/>
    <mergeCell ref="B21:C21"/>
    <mergeCell ref="D21:E21"/>
    <mergeCell ref="F21:G21"/>
    <mergeCell ref="A3:G3"/>
    <mergeCell ref="A4:G4"/>
    <mergeCell ref="A5:G5"/>
    <mergeCell ref="A6:G6"/>
    <mergeCell ref="A7:G7"/>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s>
  <printOptions horizontalCentered="1"/>
  <pageMargins left="0.19685039370078741" right="0.19685039370078741" top="0.59055118110236227" bottom="0.19685039370078741" header="0" footer="0"/>
  <pageSetup paperSize="9" scale="59" orientation="portrait" r:id="rId9"/>
  <headerFooter alignWithMargins="0"/>
  <drawing r:id="rId1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pageSetUpPr fitToPage="1"/>
  </sheetPr>
  <dimension ref="A1:H88"/>
  <sheetViews>
    <sheetView showGridLines="0" zoomScaleNormal="100" workbookViewId="0"/>
  </sheetViews>
  <sheetFormatPr defaultColWidth="9.140625" defaultRowHeight="11.25" customHeight="1" x14ac:dyDescent="0.2"/>
  <cols>
    <col min="1" max="1" width="59.28515625" style="19" customWidth="1"/>
    <col min="2" max="2" width="20.5703125" style="19" customWidth="1"/>
    <col min="3" max="3" width="20.28515625" style="216" customWidth="1"/>
    <col min="4" max="4" width="19.85546875" style="19" customWidth="1"/>
    <col min="5" max="5" width="20.140625" style="19" customWidth="1"/>
    <col min="6" max="6" width="19.5703125" style="19" bestFit="1" customWidth="1"/>
    <col min="7" max="8" width="16.7109375" style="19" customWidth="1"/>
    <col min="9" max="16384" width="9.140625" style="19"/>
  </cols>
  <sheetData>
    <row r="1" spans="1:8" s="46" customFormat="1" ht="11.25" customHeight="1" x14ac:dyDescent="0.2">
      <c r="A1" s="291"/>
      <c r="B1" s="291"/>
      <c r="C1" s="291"/>
      <c r="D1" s="291"/>
      <c r="E1" s="291"/>
      <c r="F1" s="291"/>
      <c r="G1" s="291"/>
      <c r="H1" s="291"/>
    </row>
    <row r="2" spans="1:8" s="46" customFormat="1" ht="11.25" customHeight="1" x14ac:dyDescent="0.2">
      <c r="A2" s="26"/>
      <c r="B2" s="26"/>
      <c r="C2" s="112"/>
      <c r="D2" s="26"/>
    </row>
    <row r="3" spans="1:8" s="206" customFormat="1" ht="11.25" customHeight="1" x14ac:dyDescent="0.2">
      <c r="A3" s="731" t="s">
        <v>637</v>
      </c>
      <c r="B3" s="731"/>
      <c r="C3" s="731"/>
      <c r="D3" s="731"/>
      <c r="E3" s="731"/>
      <c r="F3" s="731"/>
      <c r="G3" s="731"/>
      <c r="H3" s="731"/>
    </row>
    <row r="4" spans="1:8" s="206" customFormat="1" ht="11.25" customHeight="1" x14ac:dyDescent="0.2">
      <c r="A4" s="731" t="s">
        <v>105</v>
      </c>
      <c r="B4" s="731"/>
      <c r="C4" s="731"/>
      <c r="D4" s="731"/>
      <c r="E4" s="731"/>
      <c r="F4" s="731"/>
      <c r="G4" s="731"/>
      <c r="H4" s="731"/>
    </row>
    <row r="5" spans="1:8" s="206" customFormat="1" ht="11.25" customHeight="1" x14ac:dyDescent="0.2">
      <c r="A5" s="731" t="s">
        <v>579</v>
      </c>
      <c r="B5" s="731"/>
      <c r="C5" s="731"/>
      <c r="D5" s="731"/>
      <c r="E5" s="731"/>
      <c r="F5" s="731"/>
      <c r="G5" s="731"/>
      <c r="H5" s="731"/>
    </row>
    <row r="6" spans="1:8" s="206" customFormat="1" ht="11.25" customHeight="1" x14ac:dyDescent="0.2">
      <c r="A6" s="731" t="s">
        <v>107</v>
      </c>
      <c r="B6" s="731"/>
      <c r="C6" s="731"/>
      <c r="D6" s="731"/>
      <c r="E6" s="731"/>
      <c r="F6" s="731"/>
      <c r="G6" s="731"/>
      <c r="H6" s="731"/>
    </row>
    <row r="7" spans="1:8" s="206" customFormat="1" ht="11.25" customHeight="1" x14ac:dyDescent="0.2">
      <c r="A7" s="731" t="s">
        <v>863</v>
      </c>
      <c r="B7" s="731"/>
      <c r="C7" s="731"/>
      <c r="D7" s="731"/>
      <c r="E7" s="731"/>
      <c r="F7" s="731"/>
      <c r="G7" s="731"/>
      <c r="H7" s="731"/>
    </row>
    <row r="8" spans="1:8" s="46" customFormat="1" ht="11.25" customHeight="1" x14ac:dyDescent="0.2">
      <c r="A8" s="26"/>
      <c r="B8" s="300"/>
      <c r="C8" s="300"/>
      <c r="D8" s="26"/>
      <c r="E8" s="418"/>
    </row>
    <row r="9" spans="1:8" s="46" customFormat="1" ht="11.25" customHeight="1" x14ac:dyDescent="0.2">
      <c r="A9" s="139" t="s">
        <v>580</v>
      </c>
      <c r="B9" s="328"/>
      <c r="C9" s="327"/>
      <c r="D9" s="455"/>
      <c r="E9" s="455"/>
      <c r="H9" s="225">
        <v>1</v>
      </c>
    </row>
    <row r="10" spans="1:8" s="211" customFormat="1" ht="16.5" customHeight="1" x14ac:dyDescent="0.2">
      <c r="A10" s="721" t="s">
        <v>581</v>
      </c>
      <c r="B10" s="764" t="s">
        <v>235</v>
      </c>
      <c r="C10" s="766"/>
      <c r="D10" s="782" t="s">
        <v>109</v>
      </c>
      <c r="E10" s="783"/>
      <c r="F10" s="783"/>
      <c r="G10" s="783"/>
      <c r="H10" s="783"/>
    </row>
    <row r="11" spans="1:8" s="211" customFormat="1" ht="18" customHeight="1" x14ac:dyDescent="0.2">
      <c r="A11" s="722"/>
      <c r="B11" s="802"/>
      <c r="C11" s="769"/>
      <c r="D11" s="764" t="s">
        <v>115</v>
      </c>
      <c r="E11" s="765"/>
      <c r="F11" s="767" t="s">
        <v>115</v>
      </c>
      <c r="G11" s="767"/>
      <c r="H11" s="764"/>
    </row>
    <row r="12" spans="1:8" s="211" customFormat="1" ht="18" customHeight="1" x14ac:dyDescent="0.2">
      <c r="A12" s="723"/>
      <c r="B12" s="803"/>
      <c r="C12" s="770"/>
      <c r="D12" s="781">
        <v>2016</v>
      </c>
      <c r="E12" s="814"/>
      <c r="F12" s="768">
        <v>2015</v>
      </c>
      <c r="G12" s="768"/>
      <c r="H12" s="803"/>
    </row>
    <row r="13" spans="1:8" s="211" customFormat="1" ht="11.25" customHeight="1" x14ac:dyDescent="0.2">
      <c r="A13" s="62" t="s">
        <v>582</v>
      </c>
      <c r="B13" s="700">
        <v>12955705816.969999</v>
      </c>
      <c r="C13" s="701"/>
      <c r="D13" s="700">
        <v>1773257648.8</v>
      </c>
      <c r="E13" s="701"/>
      <c r="F13" s="700">
        <v>1854564559.25</v>
      </c>
      <c r="G13" s="715"/>
      <c r="H13" s="715"/>
    </row>
    <row r="14" spans="1:8" ht="11.25" customHeight="1" x14ac:dyDescent="0.2">
      <c r="A14" s="56" t="s">
        <v>583</v>
      </c>
      <c r="B14" s="686">
        <v>7816598300</v>
      </c>
      <c r="C14" s="687"/>
      <c r="D14" s="686">
        <v>1024967224.3099999</v>
      </c>
      <c r="E14" s="687"/>
      <c r="F14" s="686">
        <v>1224456633.55</v>
      </c>
      <c r="G14" s="706"/>
      <c r="H14" s="706"/>
    </row>
    <row r="15" spans="1:8" ht="11.25" customHeight="1" x14ac:dyDescent="0.2">
      <c r="A15" s="112" t="s">
        <v>415</v>
      </c>
      <c r="B15" s="686">
        <v>6500114200</v>
      </c>
      <c r="C15" s="687"/>
      <c r="D15" s="686">
        <v>732036449.3900001</v>
      </c>
      <c r="E15" s="687"/>
      <c r="F15" s="686">
        <v>943436922.58000004</v>
      </c>
      <c r="G15" s="706"/>
      <c r="H15" s="706"/>
    </row>
    <row r="16" spans="1:8" ht="11.25" customHeight="1" x14ac:dyDescent="0.2">
      <c r="A16" s="112" t="s">
        <v>416</v>
      </c>
      <c r="B16" s="686">
        <v>283860800</v>
      </c>
      <c r="C16" s="687"/>
      <c r="D16" s="686">
        <v>136247659.18000001</v>
      </c>
      <c r="E16" s="687"/>
      <c r="F16" s="686">
        <v>180699041.46000001</v>
      </c>
      <c r="G16" s="706"/>
      <c r="H16" s="706"/>
    </row>
    <row r="17" spans="1:8" ht="11.25" customHeight="1" x14ac:dyDescent="0.2">
      <c r="A17" s="112" t="s">
        <v>417</v>
      </c>
      <c r="B17" s="686">
        <v>91749100</v>
      </c>
      <c r="C17" s="687"/>
      <c r="D17" s="854">
        <v>32069247.969999999</v>
      </c>
      <c r="E17" s="855"/>
      <c r="F17" s="686">
        <v>8949828.1400000006</v>
      </c>
      <c r="G17" s="706"/>
      <c r="H17" s="706"/>
    </row>
    <row r="18" spans="1:8" ht="11.25" customHeight="1" x14ac:dyDescent="0.2">
      <c r="A18" s="112" t="s">
        <v>414</v>
      </c>
      <c r="B18" s="686">
        <v>588500000</v>
      </c>
      <c r="C18" s="687"/>
      <c r="D18" s="686">
        <v>85986596.870000005</v>
      </c>
      <c r="E18" s="687"/>
      <c r="F18" s="686">
        <v>59309857.530000001</v>
      </c>
      <c r="G18" s="706"/>
      <c r="H18" s="706"/>
    </row>
    <row r="19" spans="1:8" ht="11.25" customHeight="1" x14ac:dyDescent="0.2">
      <c r="A19" s="113" t="s">
        <v>418</v>
      </c>
      <c r="B19" s="686">
        <v>352374200</v>
      </c>
      <c r="C19" s="687"/>
      <c r="D19" s="686">
        <v>38627270.899999738</v>
      </c>
      <c r="E19" s="687"/>
      <c r="F19" s="686">
        <v>32060983.84</v>
      </c>
      <c r="G19" s="706"/>
      <c r="H19" s="706"/>
    </row>
    <row r="20" spans="1:8" ht="11.25" customHeight="1" x14ac:dyDescent="0.2">
      <c r="A20" s="56" t="s">
        <v>584</v>
      </c>
      <c r="B20" s="686">
        <v>1449054000</v>
      </c>
      <c r="C20" s="687"/>
      <c r="D20" s="686">
        <v>145012646.76999998</v>
      </c>
      <c r="E20" s="687"/>
      <c r="F20" s="686">
        <v>109130439.64</v>
      </c>
      <c r="G20" s="706"/>
      <c r="H20" s="706"/>
    </row>
    <row r="21" spans="1:8" ht="11.25" customHeight="1" x14ac:dyDescent="0.2">
      <c r="A21" s="56" t="s">
        <v>585</v>
      </c>
      <c r="B21" s="686">
        <v>1449054000</v>
      </c>
      <c r="C21" s="687"/>
      <c r="D21" s="686">
        <v>145012646.76999998</v>
      </c>
      <c r="E21" s="687"/>
      <c r="F21" s="686">
        <v>109130439.64</v>
      </c>
      <c r="G21" s="706"/>
      <c r="H21" s="706"/>
    </row>
    <row r="22" spans="1:8" ht="11.25" customHeight="1" x14ac:dyDescent="0.2">
      <c r="A22" s="56" t="s">
        <v>155</v>
      </c>
      <c r="B22" s="686">
        <v>0</v>
      </c>
      <c r="C22" s="687"/>
      <c r="D22" s="686">
        <v>0</v>
      </c>
      <c r="E22" s="687"/>
      <c r="F22" s="686">
        <v>0</v>
      </c>
      <c r="G22" s="706"/>
      <c r="H22" s="706"/>
    </row>
    <row r="23" spans="1:8" ht="11.25" customHeight="1" x14ac:dyDescent="0.2">
      <c r="A23" s="56" t="s">
        <v>586</v>
      </c>
      <c r="B23" s="686">
        <v>43408600</v>
      </c>
      <c r="C23" s="687"/>
      <c r="D23" s="686">
        <v>2305839.4699999988</v>
      </c>
      <c r="E23" s="687"/>
      <c r="F23" s="686">
        <v>965845.66000000015</v>
      </c>
      <c r="G23" s="706"/>
      <c r="H23" s="706"/>
    </row>
    <row r="24" spans="1:8" ht="11.25" customHeight="1" x14ac:dyDescent="0.2">
      <c r="A24" s="56" t="s">
        <v>311</v>
      </c>
      <c r="B24" s="686">
        <v>128398100</v>
      </c>
      <c r="C24" s="687"/>
      <c r="D24" s="686">
        <v>41026747.609999999</v>
      </c>
      <c r="E24" s="687"/>
      <c r="F24" s="686">
        <v>13399177.810000001</v>
      </c>
      <c r="G24" s="706"/>
      <c r="H24" s="706"/>
    </row>
    <row r="25" spans="1:8" ht="11.25" customHeight="1" x14ac:dyDescent="0.2">
      <c r="A25" s="56" t="s">
        <v>587</v>
      </c>
      <c r="B25" s="686">
        <v>84989500</v>
      </c>
      <c r="C25" s="687"/>
      <c r="D25" s="686">
        <v>38720908.140000001</v>
      </c>
      <c r="E25" s="687"/>
      <c r="F25" s="686">
        <v>12433332.15</v>
      </c>
      <c r="G25" s="706"/>
      <c r="H25" s="706"/>
    </row>
    <row r="26" spans="1:8" ht="11.25" customHeight="1" x14ac:dyDescent="0.2">
      <c r="A26" s="56" t="s">
        <v>182</v>
      </c>
      <c r="B26" s="686">
        <v>2843659400</v>
      </c>
      <c r="C26" s="687"/>
      <c r="D26" s="686">
        <v>454098609.91000003</v>
      </c>
      <c r="E26" s="687"/>
      <c r="F26" s="686">
        <v>428321326.30000001</v>
      </c>
      <c r="G26" s="706"/>
      <c r="H26" s="706"/>
    </row>
    <row r="27" spans="1:8" ht="11.25" customHeight="1" x14ac:dyDescent="0.2">
      <c r="A27" s="63" t="s">
        <v>795</v>
      </c>
      <c r="B27" s="686">
        <v>931280000</v>
      </c>
      <c r="C27" s="687"/>
      <c r="D27" s="686">
        <v>162973430.81999999</v>
      </c>
      <c r="E27" s="687"/>
      <c r="F27" s="686">
        <v>167329372.93000001</v>
      </c>
      <c r="G27" s="706"/>
      <c r="H27" s="706"/>
    </row>
    <row r="28" spans="1:8" ht="11.25" customHeight="1" x14ac:dyDescent="0.2">
      <c r="A28" s="56" t="s">
        <v>588</v>
      </c>
      <c r="B28" s="686">
        <v>163651700</v>
      </c>
      <c r="C28" s="687"/>
      <c r="D28" s="686">
        <v>2739952.31</v>
      </c>
      <c r="E28" s="687"/>
      <c r="F28" s="686">
        <v>2023769.46</v>
      </c>
      <c r="G28" s="706"/>
      <c r="H28" s="706"/>
    </row>
    <row r="29" spans="1:8" ht="11.25" customHeight="1" x14ac:dyDescent="0.2">
      <c r="A29" s="56" t="s">
        <v>589</v>
      </c>
      <c r="B29" s="686">
        <v>1748727700</v>
      </c>
      <c r="C29" s="687"/>
      <c r="D29" s="686">
        <v>288385226.78000003</v>
      </c>
      <c r="E29" s="687"/>
      <c r="F29" s="686">
        <v>258968183.91</v>
      </c>
      <c r="G29" s="706"/>
      <c r="H29" s="706"/>
    </row>
    <row r="30" spans="1:8" ht="11.25" customHeight="1" x14ac:dyDescent="0.2">
      <c r="A30" s="56" t="s">
        <v>590</v>
      </c>
      <c r="B30" s="686">
        <v>802985516.97000003</v>
      </c>
      <c r="C30" s="687"/>
      <c r="D30" s="686">
        <v>146873328.34</v>
      </c>
      <c r="E30" s="687"/>
      <c r="F30" s="686">
        <v>91690314.100000009</v>
      </c>
      <c r="G30" s="706"/>
      <c r="H30" s="706"/>
    </row>
    <row r="31" spans="1:8" ht="11.25" customHeight="1" x14ac:dyDescent="0.2">
      <c r="A31" s="56" t="s">
        <v>591</v>
      </c>
      <c r="B31" s="686">
        <v>18075800</v>
      </c>
      <c r="C31" s="687"/>
      <c r="D31" s="686">
        <v>1471675.44</v>
      </c>
      <c r="E31" s="687"/>
      <c r="F31" s="686">
        <v>1970555.45</v>
      </c>
      <c r="G31" s="706"/>
      <c r="H31" s="706"/>
    </row>
    <row r="32" spans="1:8" ht="11.25" customHeight="1" x14ac:dyDescent="0.2">
      <c r="A32" s="56" t="s">
        <v>592</v>
      </c>
      <c r="B32" s="686">
        <v>784909716.97000003</v>
      </c>
      <c r="C32" s="687"/>
      <c r="D32" s="686">
        <v>145401652.90000001</v>
      </c>
      <c r="E32" s="687"/>
      <c r="F32" s="686">
        <v>89719758.650000006</v>
      </c>
      <c r="G32" s="706"/>
      <c r="H32" s="706"/>
    </row>
    <row r="33" spans="1:8" s="211" customFormat="1" ht="11.25" customHeight="1" x14ac:dyDescent="0.2">
      <c r="A33" s="62" t="s">
        <v>593</v>
      </c>
      <c r="B33" s="698">
        <v>908660924.63</v>
      </c>
      <c r="C33" s="699"/>
      <c r="D33" s="698">
        <v>89218009.629999995</v>
      </c>
      <c r="E33" s="699"/>
      <c r="F33" s="698">
        <v>86479710.039999992</v>
      </c>
      <c r="G33" s="718"/>
      <c r="H33" s="718"/>
    </row>
    <row r="34" spans="1:8" ht="11.25" customHeight="1" x14ac:dyDescent="0.2">
      <c r="A34" s="56" t="s">
        <v>594</v>
      </c>
      <c r="B34" s="686">
        <v>16304000</v>
      </c>
      <c r="C34" s="687"/>
      <c r="D34" s="686">
        <v>0</v>
      </c>
      <c r="E34" s="687"/>
      <c r="F34" s="686">
        <v>0</v>
      </c>
      <c r="G34" s="706"/>
      <c r="H34" s="706"/>
    </row>
    <row r="35" spans="1:8" ht="11.25" customHeight="1" x14ac:dyDescent="0.2">
      <c r="A35" s="56" t="s">
        <v>595</v>
      </c>
      <c r="B35" s="686">
        <v>2430000</v>
      </c>
      <c r="C35" s="687"/>
      <c r="D35" s="686">
        <v>615198.14</v>
      </c>
      <c r="E35" s="687"/>
      <c r="F35" s="686">
        <v>281754.92</v>
      </c>
      <c r="G35" s="706"/>
      <c r="H35" s="706"/>
    </row>
    <row r="36" spans="1:8" s="211" customFormat="1" ht="11.25" customHeight="1" x14ac:dyDescent="0.2">
      <c r="A36" s="56" t="s">
        <v>854</v>
      </c>
      <c r="B36" s="686">
        <v>8513000</v>
      </c>
      <c r="C36" s="687"/>
      <c r="D36" s="686">
        <v>60357.440000000002</v>
      </c>
      <c r="E36" s="687"/>
      <c r="F36" s="686">
        <v>171541.21</v>
      </c>
      <c r="G36" s="706"/>
      <c r="H36" s="706"/>
    </row>
    <row r="37" spans="1:8" ht="11.25" customHeight="1" x14ac:dyDescent="0.2">
      <c r="A37" s="56" t="s">
        <v>596</v>
      </c>
      <c r="B37" s="686">
        <v>881412900</v>
      </c>
      <c r="C37" s="687"/>
      <c r="D37" s="686">
        <v>88541429.420000002</v>
      </c>
      <c r="E37" s="687"/>
      <c r="F37" s="686">
        <v>86026413.909999996</v>
      </c>
      <c r="G37" s="706"/>
      <c r="H37" s="706"/>
    </row>
    <row r="38" spans="1:8" ht="11.25" customHeight="1" x14ac:dyDescent="0.2">
      <c r="A38" s="56" t="s">
        <v>588</v>
      </c>
      <c r="B38" s="686">
        <v>313151800</v>
      </c>
      <c r="C38" s="687"/>
      <c r="D38" s="686">
        <v>12315783.98</v>
      </c>
      <c r="E38" s="687"/>
      <c r="F38" s="686">
        <v>15467706.27</v>
      </c>
      <c r="G38" s="706"/>
      <c r="H38" s="706"/>
    </row>
    <row r="39" spans="1:8" ht="11.25" customHeight="1" x14ac:dyDescent="0.2">
      <c r="A39" s="56" t="s">
        <v>597</v>
      </c>
      <c r="B39" s="686">
        <v>568261100</v>
      </c>
      <c r="C39" s="687"/>
      <c r="D39" s="686">
        <v>76225645.439999998</v>
      </c>
      <c r="E39" s="687"/>
      <c r="F39" s="686">
        <v>70558707.640000001</v>
      </c>
      <c r="G39" s="706"/>
      <c r="H39" s="706"/>
    </row>
    <row r="40" spans="1:8" ht="11.25" customHeight="1" x14ac:dyDescent="0.2">
      <c r="A40" s="56" t="s">
        <v>203</v>
      </c>
      <c r="B40" s="686">
        <v>1024.6300000000001</v>
      </c>
      <c r="C40" s="687"/>
      <c r="D40" s="686">
        <v>1024.6300000000001</v>
      </c>
      <c r="E40" s="687"/>
      <c r="F40" s="686">
        <v>0</v>
      </c>
      <c r="G40" s="706"/>
      <c r="H40" s="706"/>
    </row>
    <row r="41" spans="1:8" s="211" customFormat="1" ht="11.25" customHeight="1" x14ac:dyDescent="0.2">
      <c r="A41" s="62" t="s">
        <v>598</v>
      </c>
      <c r="B41" s="692">
        <v>881413924.63</v>
      </c>
      <c r="C41" s="693"/>
      <c r="D41" s="692">
        <v>88542454.049999997</v>
      </c>
      <c r="E41" s="693"/>
      <c r="F41" s="692">
        <v>86026413.909999996</v>
      </c>
      <c r="G41" s="728"/>
      <c r="H41" s="728"/>
    </row>
    <row r="42" spans="1:8" s="211" customFormat="1" ht="15" customHeight="1" x14ac:dyDescent="0.2">
      <c r="A42" s="223" t="s">
        <v>599</v>
      </c>
      <c r="B42" s="704">
        <v>13837119741.599998</v>
      </c>
      <c r="C42" s="705"/>
      <c r="D42" s="704">
        <v>1861800102.8499999</v>
      </c>
      <c r="E42" s="705"/>
      <c r="F42" s="704">
        <v>1940590973.1600001</v>
      </c>
      <c r="G42" s="726"/>
      <c r="H42" s="726"/>
    </row>
    <row r="43" spans="1:8" ht="5.0999999999999996" customHeight="1" x14ac:dyDescent="0.2">
      <c r="A43" s="64"/>
      <c r="B43" s="442"/>
      <c r="C43" s="217"/>
      <c r="D43" s="217"/>
    </row>
    <row r="44" spans="1:8" s="211" customFormat="1" ht="30.75" customHeight="1" x14ac:dyDescent="0.2">
      <c r="A44" s="721" t="s">
        <v>600</v>
      </c>
      <c r="B44" s="207" t="s">
        <v>157</v>
      </c>
      <c r="C44" s="782" t="s">
        <v>158</v>
      </c>
      <c r="D44" s="811"/>
      <c r="E44" s="782" t="s">
        <v>159</v>
      </c>
      <c r="F44" s="811"/>
      <c r="G44" s="780" t="s">
        <v>347</v>
      </c>
      <c r="H44" s="783"/>
    </row>
    <row r="45" spans="1:8" s="211" customFormat="1" ht="11.25" customHeight="1" x14ac:dyDescent="0.2">
      <c r="A45" s="722"/>
      <c r="B45" s="730" t="s">
        <v>112</v>
      </c>
      <c r="C45" s="208" t="s">
        <v>115</v>
      </c>
      <c r="D45" s="208" t="s">
        <v>115</v>
      </c>
      <c r="E45" s="208" t="s">
        <v>115</v>
      </c>
      <c r="F45" s="208" t="s">
        <v>115</v>
      </c>
      <c r="G45" s="780" t="s">
        <v>880</v>
      </c>
      <c r="H45" s="780" t="s">
        <v>881</v>
      </c>
    </row>
    <row r="46" spans="1:8" s="211" customFormat="1" ht="17.25" customHeight="1" x14ac:dyDescent="0.2">
      <c r="A46" s="723"/>
      <c r="B46" s="853"/>
      <c r="C46" s="213">
        <v>2016</v>
      </c>
      <c r="D46" s="215">
        <v>2015</v>
      </c>
      <c r="E46" s="628">
        <v>2016</v>
      </c>
      <c r="F46" s="629">
        <v>2015</v>
      </c>
      <c r="G46" s="781"/>
      <c r="H46" s="781"/>
    </row>
    <row r="47" spans="1:8" s="211" customFormat="1" ht="11.25" customHeight="1" x14ac:dyDescent="0.2">
      <c r="A47" s="62" t="s">
        <v>601</v>
      </c>
      <c r="B47" s="318">
        <v>11670293059.34</v>
      </c>
      <c r="C47" s="318">
        <v>4587636973.9899998</v>
      </c>
      <c r="D47" s="318">
        <v>2632192406.8199997</v>
      </c>
      <c r="E47" s="318">
        <v>1691965605.53</v>
      </c>
      <c r="F47" s="483">
        <v>1646561834.9099998</v>
      </c>
      <c r="G47" s="532"/>
      <c r="H47" s="533"/>
    </row>
    <row r="48" spans="1:8" ht="11.25" customHeight="1" x14ac:dyDescent="0.2">
      <c r="A48" s="56" t="s">
        <v>206</v>
      </c>
      <c r="B48" s="534">
        <v>6018358310</v>
      </c>
      <c r="C48" s="534">
        <v>3088812975.1099997</v>
      </c>
      <c r="D48" s="535">
        <v>1614697508.8299999</v>
      </c>
      <c r="E48" s="534">
        <v>1220002227.24</v>
      </c>
      <c r="F48" s="536">
        <v>960696573.90999997</v>
      </c>
      <c r="G48" s="537"/>
      <c r="H48" s="492"/>
    </row>
    <row r="49" spans="1:8" ht="11.25" customHeight="1" x14ac:dyDescent="0.2">
      <c r="A49" s="56" t="s">
        <v>602</v>
      </c>
      <c r="B49" s="534">
        <v>269572300</v>
      </c>
      <c r="C49" s="534">
        <v>257895303.21000001</v>
      </c>
      <c r="D49" s="535">
        <v>39942500</v>
      </c>
      <c r="E49" s="534">
        <v>44209544.469999999</v>
      </c>
      <c r="F49" s="536">
        <v>38805350.479999997</v>
      </c>
      <c r="G49" s="534"/>
      <c r="H49" s="492"/>
    </row>
    <row r="50" spans="1:8" ht="11.25" customHeight="1" x14ac:dyDescent="0.2">
      <c r="A50" s="56" t="s">
        <v>207</v>
      </c>
      <c r="B50" s="534">
        <v>5382362449.3400002</v>
      </c>
      <c r="C50" s="534">
        <v>1240928695.6700001</v>
      </c>
      <c r="D50" s="535">
        <v>977552397.99000001</v>
      </c>
      <c r="E50" s="534">
        <v>427753833.81999999</v>
      </c>
      <c r="F50" s="536">
        <v>647059910.51999998</v>
      </c>
      <c r="G50" s="534"/>
      <c r="H50" s="492"/>
    </row>
    <row r="51" spans="1:8" ht="11.25" customHeight="1" x14ac:dyDescent="0.2">
      <c r="A51" s="115" t="s">
        <v>861</v>
      </c>
      <c r="B51" s="534">
        <v>2151117000</v>
      </c>
      <c r="C51" s="534">
        <v>91591166.890000001</v>
      </c>
      <c r="D51" s="535">
        <v>456620000</v>
      </c>
      <c r="E51" s="534">
        <v>44341166.890000001</v>
      </c>
      <c r="F51" s="536">
        <v>394696812.86000001</v>
      </c>
      <c r="G51" s="534"/>
      <c r="H51" s="492"/>
    </row>
    <row r="52" spans="1:8" ht="11.25" customHeight="1" x14ac:dyDescent="0.2">
      <c r="A52" s="115" t="s">
        <v>862</v>
      </c>
      <c r="B52" s="534">
        <v>3231245449.3400002</v>
      </c>
      <c r="C52" s="534">
        <v>1149337528.78</v>
      </c>
      <c r="D52" s="535">
        <v>520932397.99000001</v>
      </c>
      <c r="E52" s="534">
        <v>383412666.93000001</v>
      </c>
      <c r="F52" s="536">
        <v>252363097.66</v>
      </c>
      <c r="G52" s="534"/>
      <c r="H52" s="492"/>
    </row>
    <row r="53" spans="1:8" s="211" customFormat="1" ht="11.25" customHeight="1" x14ac:dyDescent="0.2">
      <c r="A53" s="62" t="s">
        <v>603</v>
      </c>
      <c r="B53" s="318">
        <v>11400720759.34</v>
      </c>
      <c r="C53" s="318">
        <v>4329741670.7799997</v>
      </c>
      <c r="D53" s="318">
        <v>2592249906.8199997</v>
      </c>
      <c r="E53" s="318">
        <v>1647756061.0599999</v>
      </c>
      <c r="F53" s="538">
        <v>1607756484.4299998</v>
      </c>
      <c r="G53" s="539"/>
      <c r="H53" s="540"/>
    </row>
    <row r="54" spans="1:8" s="211" customFormat="1" ht="11.25" customHeight="1" x14ac:dyDescent="0.2">
      <c r="A54" s="44" t="s">
        <v>604</v>
      </c>
      <c r="B54" s="318">
        <v>2207903978.6599998</v>
      </c>
      <c r="C54" s="318">
        <v>1171324898.9200001</v>
      </c>
      <c r="D54" s="318">
        <v>294239032.73000002</v>
      </c>
      <c r="E54" s="318">
        <v>170432852.66</v>
      </c>
      <c r="F54" s="483">
        <v>168537486.31</v>
      </c>
      <c r="G54" s="318"/>
      <c r="H54" s="540"/>
    </row>
    <row r="55" spans="1:8" ht="11.25" customHeight="1" x14ac:dyDescent="0.2">
      <c r="A55" s="56" t="s">
        <v>574</v>
      </c>
      <c r="B55" s="534">
        <v>1502536378.6600001</v>
      </c>
      <c r="C55" s="534">
        <v>497673301.81999999</v>
      </c>
      <c r="D55" s="536">
        <v>154205032.72999999</v>
      </c>
      <c r="E55" s="534">
        <v>61976827.07</v>
      </c>
      <c r="F55" s="536">
        <v>32564659.23</v>
      </c>
      <c r="G55" s="534"/>
      <c r="H55" s="492"/>
    </row>
    <row r="56" spans="1:8" ht="11.25" customHeight="1" x14ac:dyDescent="0.2">
      <c r="A56" s="56" t="s">
        <v>241</v>
      </c>
      <c r="B56" s="534">
        <v>7131800</v>
      </c>
      <c r="C56" s="534">
        <v>164699.4</v>
      </c>
      <c r="D56" s="534">
        <v>0</v>
      </c>
      <c r="E56" s="534">
        <v>0</v>
      </c>
      <c r="F56" s="536">
        <v>0</v>
      </c>
      <c r="G56" s="534"/>
      <c r="H56" s="492"/>
    </row>
    <row r="57" spans="1:8" ht="11.25" customHeight="1" x14ac:dyDescent="0.2">
      <c r="A57" s="56" t="s">
        <v>605</v>
      </c>
      <c r="B57" s="534">
        <v>790700</v>
      </c>
      <c r="C57" s="534">
        <v>164699.4</v>
      </c>
      <c r="D57" s="536">
        <v>0</v>
      </c>
      <c r="E57" s="534">
        <v>0</v>
      </c>
      <c r="F57" s="536">
        <v>0</v>
      </c>
      <c r="G57" s="534"/>
      <c r="H57" s="492"/>
    </row>
    <row r="58" spans="1:8" ht="11.25" customHeight="1" x14ac:dyDescent="0.2">
      <c r="A58" s="56" t="s">
        <v>606</v>
      </c>
      <c r="B58" s="534">
        <v>0</v>
      </c>
      <c r="C58" s="534">
        <v>0</v>
      </c>
      <c r="D58" s="536">
        <v>0</v>
      </c>
      <c r="E58" s="534">
        <v>0</v>
      </c>
      <c r="F58" s="536">
        <v>0</v>
      </c>
      <c r="G58" s="534"/>
      <c r="H58" s="492"/>
    </row>
    <row r="59" spans="1:8" ht="11.25" customHeight="1" x14ac:dyDescent="0.2">
      <c r="A59" s="56" t="s">
        <v>607</v>
      </c>
      <c r="B59" s="534">
        <v>6341100</v>
      </c>
      <c r="C59" s="534">
        <v>0</v>
      </c>
      <c r="D59" s="536">
        <v>0</v>
      </c>
      <c r="E59" s="534">
        <v>0</v>
      </c>
      <c r="F59" s="536">
        <v>0</v>
      </c>
      <c r="G59" s="534"/>
      <c r="H59" s="492"/>
    </row>
    <row r="60" spans="1:8" ht="11.25" customHeight="1" x14ac:dyDescent="0.2">
      <c r="A60" s="56" t="s">
        <v>608</v>
      </c>
      <c r="B60" s="534">
        <v>698235800</v>
      </c>
      <c r="C60" s="534">
        <v>673486897.70000005</v>
      </c>
      <c r="D60" s="536">
        <v>140034000</v>
      </c>
      <c r="E60" s="534">
        <v>108456025.59</v>
      </c>
      <c r="F60" s="536">
        <v>135972827.08000001</v>
      </c>
      <c r="G60" s="534"/>
      <c r="H60" s="492"/>
    </row>
    <row r="61" spans="1:8" s="211" customFormat="1" ht="11.25" customHeight="1" x14ac:dyDescent="0.2">
      <c r="A61" s="44" t="s">
        <v>609</v>
      </c>
      <c r="B61" s="318">
        <v>1508877478.6599998</v>
      </c>
      <c r="C61" s="318">
        <v>497673301.81999993</v>
      </c>
      <c r="D61" s="318">
        <v>154205032.73000002</v>
      </c>
      <c r="E61" s="318">
        <v>61976827.069999993</v>
      </c>
      <c r="F61" s="483">
        <v>32564659.229999989</v>
      </c>
      <c r="G61" s="318"/>
      <c r="H61" s="540"/>
    </row>
    <row r="62" spans="1:8" s="211" customFormat="1" ht="11.25" customHeight="1" x14ac:dyDescent="0.2">
      <c r="A62" s="44" t="s">
        <v>610</v>
      </c>
      <c r="B62" s="318">
        <v>128753000</v>
      </c>
      <c r="C62" s="318">
        <v>0</v>
      </c>
      <c r="D62" s="483">
        <v>0</v>
      </c>
      <c r="E62" s="318">
        <v>0</v>
      </c>
      <c r="F62" s="483">
        <v>0</v>
      </c>
      <c r="G62" s="318"/>
      <c r="H62" s="540"/>
    </row>
    <row r="63" spans="1:8" s="211" customFormat="1" ht="11.25" customHeight="1" x14ac:dyDescent="0.2">
      <c r="A63" s="44" t="s">
        <v>611</v>
      </c>
      <c r="B63" s="318">
        <v>0</v>
      </c>
      <c r="C63" s="318">
        <v>0</v>
      </c>
      <c r="D63" s="483">
        <v>0</v>
      </c>
      <c r="E63" s="318">
        <v>0</v>
      </c>
      <c r="F63" s="483">
        <v>0</v>
      </c>
      <c r="G63" s="318"/>
      <c r="H63" s="541"/>
    </row>
    <row r="64" spans="1:8" s="211" customFormat="1" ht="15" customHeight="1" x14ac:dyDescent="0.2">
      <c r="A64" s="117" t="s">
        <v>612</v>
      </c>
      <c r="B64" s="361">
        <v>13038351238</v>
      </c>
      <c r="C64" s="361">
        <v>4827414972.5999994</v>
      </c>
      <c r="D64" s="361">
        <v>2746454939.5499997</v>
      </c>
      <c r="E64" s="361">
        <v>1709732888.1299999</v>
      </c>
      <c r="F64" s="480">
        <v>1640321143.6599998</v>
      </c>
      <c r="G64" s="361">
        <v>0</v>
      </c>
      <c r="H64" s="363">
        <v>0</v>
      </c>
    </row>
    <row r="65" spans="1:8" ht="5.0999999999999996" customHeight="1" x14ac:dyDescent="0.2">
      <c r="A65" s="116"/>
      <c r="B65" s="542"/>
      <c r="C65" s="542"/>
      <c r="D65" s="542"/>
      <c r="E65" s="543"/>
      <c r="F65" s="492"/>
      <c r="G65" s="544"/>
      <c r="H65" s="492"/>
    </row>
    <row r="66" spans="1:8" s="211" customFormat="1" ht="15" customHeight="1" x14ac:dyDescent="0.2">
      <c r="A66" s="117" t="s">
        <v>613</v>
      </c>
      <c r="B66" s="482">
        <v>798768503.59999847</v>
      </c>
      <c r="C66" s="482">
        <v>-2965614869.7499995</v>
      </c>
      <c r="D66" s="361">
        <v>-805863966.38999963</v>
      </c>
      <c r="E66" s="482">
        <v>152067214.72000003</v>
      </c>
      <c r="F66" s="482">
        <v>300269829.50000024</v>
      </c>
      <c r="G66" s="482">
        <v>0</v>
      </c>
      <c r="H66" s="229"/>
    </row>
    <row r="67" spans="1:8" ht="5.0999999999999996" customHeight="1" x14ac:dyDescent="0.2">
      <c r="A67" s="116"/>
      <c r="B67" s="542"/>
      <c r="C67" s="542"/>
      <c r="D67" s="542"/>
      <c r="E67" s="543"/>
      <c r="F67" s="492"/>
      <c r="G67" s="543"/>
      <c r="H67" s="492"/>
    </row>
    <row r="68" spans="1:8" s="211" customFormat="1" ht="15" customHeight="1" x14ac:dyDescent="0.2">
      <c r="A68" s="117" t="s">
        <v>614</v>
      </c>
      <c r="B68" s="490"/>
      <c r="C68" s="490"/>
      <c r="D68" s="490"/>
      <c r="E68" s="229"/>
      <c r="F68" s="229"/>
      <c r="G68" s="229"/>
      <c r="H68" s="229"/>
    </row>
    <row r="69" spans="1:8" ht="5.0999999999999996" customHeight="1" x14ac:dyDescent="0.2">
      <c r="A69" s="56"/>
      <c r="B69" s="217"/>
      <c r="C69" s="217"/>
      <c r="D69" s="217"/>
    </row>
    <row r="70" spans="1:8" s="226" customFormat="1" ht="11.25" customHeight="1" x14ac:dyDescent="0.2">
      <c r="A70" s="847" t="s">
        <v>565</v>
      </c>
      <c r="B70" s="847"/>
      <c r="C70" s="847"/>
      <c r="D70" s="848"/>
      <c r="E70" s="764" t="s">
        <v>566</v>
      </c>
      <c r="F70" s="765"/>
      <c r="G70" s="765"/>
      <c r="H70" s="765"/>
    </row>
    <row r="71" spans="1:8" s="226" customFormat="1" ht="11.25" customHeight="1" x14ac:dyDescent="0.2">
      <c r="A71" s="849"/>
      <c r="B71" s="849"/>
      <c r="C71" s="849"/>
      <c r="D71" s="850"/>
      <c r="E71" s="803"/>
      <c r="F71" s="833"/>
      <c r="G71" s="833"/>
      <c r="H71" s="833"/>
    </row>
    <row r="72" spans="1:8" ht="15" customHeight="1" x14ac:dyDescent="0.2">
      <c r="A72" s="851" t="s">
        <v>615</v>
      </c>
      <c r="B72" s="851"/>
      <c r="C72" s="851"/>
      <c r="D72" s="852"/>
      <c r="E72" s="845">
        <v>849118000</v>
      </c>
      <c r="F72" s="846"/>
      <c r="G72" s="846"/>
      <c r="H72" s="846"/>
    </row>
    <row r="73" spans="1:8" ht="11.25" customHeight="1" x14ac:dyDescent="0.2">
      <c r="A73" s="45" t="s">
        <v>848</v>
      </c>
      <c r="B73" s="154"/>
      <c r="C73" s="154"/>
      <c r="D73" s="154"/>
      <c r="E73" s="154"/>
      <c r="F73" s="154"/>
      <c r="G73" s="154"/>
      <c r="H73" s="293"/>
    </row>
    <row r="74" spans="1:8" s="216" customFormat="1" ht="11.25" customHeight="1" x14ac:dyDescent="0.2">
      <c r="B74" s="457"/>
      <c r="C74" s="457"/>
      <c r="D74" s="457"/>
      <c r="E74" s="457"/>
      <c r="F74" s="457"/>
    </row>
    <row r="75" spans="1:8" s="390" customFormat="1" ht="11.25" customHeight="1" x14ac:dyDescent="0.2">
      <c r="C75" s="456"/>
      <c r="D75" s="456"/>
      <c r="E75" s="456"/>
      <c r="F75" s="456"/>
    </row>
    <row r="82" s="45" customFormat="1" ht="11.25" customHeight="1" x14ac:dyDescent="0.2"/>
    <row r="83" s="45" customFormat="1" ht="11.25" customHeight="1" x14ac:dyDescent="0.2"/>
    <row r="84" s="45" customFormat="1" ht="11.25" customHeight="1" x14ac:dyDescent="0.2"/>
    <row r="85" s="45" customFormat="1" ht="11.25" customHeight="1" x14ac:dyDescent="0.2"/>
    <row r="86" s="45" customFormat="1" ht="11.25" customHeight="1" x14ac:dyDescent="0.2"/>
    <row r="87" s="45" customFormat="1" ht="11.25" customHeight="1" x14ac:dyDescent="0.2"/>
    <row r="88" s="45" customFormat="1" ht="11.25" customHeight="1" x14ac:dyDescent="0.2"/>
  </sheetData>
  <customSheetViews>
    <customSheetView guid="{C779D862-DE28-46CD-A428-4AAA1056D1E1}" showPageBreaks="1" showGridLines="0" fitToPage="1" printArea="1" topLeftCell="A43">
      <selection activeCell="B64" sqref="B64"/>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B467DF90-BD78-4523-834B-7425556A2F17}" showPageBreaks="1" showGridLines="0" fitToPage="1" printArea="1">
      <selection activeCell="C57" sqref="C57"/>
      <pageMargins left="0.19685039370078741" right="0.19685039370078741" top="0.59055118110236227" bottom="0.19685039370078741" header="0" footer="0"/>
      <printOptions horizontalCentered="1"/>
      <pageSetup paperSize="9" scale="53" orientation="portrait" r:id="rId2"/>
      <headerFooter alignWithMargins="0"/>
    </customSheetView>
    <customSheetView guid="{3AAF6A5F-F9AA-430B-9AD9-1261ECDF41B5}" showPageBreaks="1" showGridLines="0" fitToPage="1" printArea="1">
      <selection activeCell="E126" sqref="E126"/>
      <pageMargins left="0.19685039370078741" right="0.19685039370078741" top="0.59055118110236227" bottom="0.19685039370078741" header="0" footer="0"/>
      <printOptions horizontalCentered="1"/>
      <pageSetup paperSize="9" scale="52" orientation="portrait" r:id="rId3"/>
      <headerFooter alignWithMargins="0"/>
    </customSheetView>
    <customSheetView guid="{25EF1E0D-169B-4051-B414-7E1196FC05E4}" showPageBreaks="1" showGridLines="0" fitToPage="1" printArea="1" topLeftCell="A49">
      <selection activeCell="C57" sqref="C57"/>
      <pageMargins left="0.19685039370078741" right="0.19685039370078741" top="0.59055118110236227" bottom="0.19685039370078741" header="0" footer="0"/>
      <printOptions horizontalCentered="1"/>
      <pageSetup paperSize="9" scale="53" orientation="portrait" r:id="rId4"/>
      <headerFooter alignWithMargins="0"/>
    </customSheetView>
    <customSheetView guid="{6DBFA32C-4AA4-4E1D-9A48-697377C64CC3}" showPageBreaks="1" showGridLines="0" fitToPage="1" printArea="1" topLeftCell="A47">
      <selection activeCell="F75" sqref="F75"/>
      <pageMargins left="0.19685039370078741" right="0.19685039370078741" top="0.59055118110236227" bottom="0.19685039370078741" header="0" footer="0"/>
      <printOptions horizontalCentered="1"/>
      <pageSetup paperSize="9" scale="53" orientation="portrait" r:id="rId5"/>
      <headerFooter alignWithMargins="0"/>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7"/>
      <headerFooter alignWithMargins="0">
        <oddFooter>&amp;A</oddFooter>
      </headerFooter>
    </customSheetView>
    <customSheetView guid="{82EDB5A4-4824-4632-A540-7A52C92F04C7}" scale="95" showPageBreaks="1" showGridLines="0" fitToPage="1" printArea="1" topLeftCell="A10">
      <pane xSplit="1" ySplit="3" topLeftCell="B51" activePane="bottomRight" state="frozen"/>
      <selection pane="bottomRight" activeCell="E66" sqref="E66"/>
      <pageMargins left="0.19685039370078741" right="0.19685039370078741" top="0.59055118110236227" bottom="0.19685039370078741" header="0" footer="0"/>
      <printOptions horizontalCentered="1"/>
      <pageSetup paperSize="9" scale="53" orientation="portrait" r:id="rId8"/>
      <headerFooter alignWithMargins="0"/>
    </customSheetView>
  </customSheetViews>
  <mergeCells count="113">
    <mergeCell ref="F38:H38"/>
    <mergeCell ref="F39:H39"/>
    <mergeCell ref="F40:H40"/>
    <mergeCell ref="F41:H41"/>
    <mergeCell ref="F42:H42"/>
    <mergeCell ref="F33:H33"/>
    <mergeCell ref="F34:H34"/>
    <mergeCell ref="F35:H35"/>
    <mergeCell ref="F36:H36"/>
    <mergeCell ref="F37:H37"/>
    <mergeCell ref="F28:H28"/>
    <mergeCell ref="F29:H29"/>
    <mergeCell ref="F30:H30"/>
    <mergeCell ref="F31:H31"/>
    <mergeCell ref="F32:H32"/>
    <mergeCell ref="F23:H23"/>
    <mergeCell ref="F24:H24"/>
    <mergeCell ref="F25:H25"/>
    <mergeCell ref="F26:H26"/>
    <mergeCell ref="F27:H27"/>
    <mergeCell ref="F18:H18"/>
    <mergeCell ref="F19:H19"/>
    <mergeCell ref="F20:H20"/>
    <mergeCell ref="F21:H21"/>
    <mergeCell ref="F22:H22"/>
    <mergeCell ref="F13:H13"/>
    <mergeCell ref="F14:H14"/>
    <mergeCell ref="F15:H15"/>
    <mergeCell ref="F16:H16"/>
    <mergeCell ref="F17:H17"/>
    <mergeCell ref="D38:E38"/>
    <mergeCell ref="D39:E39"/>
    <mergeCell ref="D40:E40"/>
    <mergeCell ref="D41:E41"/>
    <mergeCell ref="D42:E42"/>
    <mergeCell ref="D33:E33"/>
    <mergeCell ref="D34:E34"/>
    <mergeCell ref="D35:E35"/>
    <mergeCell ref="D36:E36"/>
    <mergeCell ref="D37:E37"/>
    <mergeCell ref="D13:E13"/>
    <mergeCell ref="D14:E14"/>
    <mergeCell ref="D15:E15"/>
    <mergeCell ref="D16:E16"/>
    <mergeCell ref="D17:E17"/>
    <mergeCell ref="D28:E28"/>
    <mergeCell ref="D29:E29"/>
    <mergeCell ref="D30:E30"/>
    <mergeCell ref="D31:E31"/>
    <mergeCell ref="D23:E23"/>
    <mergeCell ref="D24:E24"/>
    <mergeCell ref="D25:E25"/>
    <mergeCell ref="D26:E26"/>
    <mergeCell ref="D27:E27"/>
    <mergeCell ref="B33:C33"/>
    <mergeCell ref="B34:C34"/>
    <mergeCell ref="B35:C35"/>
    <mergeCell ref="B36:C36"/>
    <mergeCell ref="B37:C37"/>
    <mergeCell ref="D18:E18"/>
    <mergeCell ref="D19:E19"/>
    <mergeCell ref="D20:E20"/>
    <mergeCell ref="D21:E21"/>
    <mergeCell ref="D22:E22"/>
    <mergeCell ref="D32:E32"/>
    <mergeCell ref="A4:H4"/>
    <mergeCell ref="A3:H3"/>
    <mergeCell ref="E44:F44"/>
    <mergeCell ref="D11:E11"/>
    <mergeCell ref="D12:E12"/>
    <mergeCell ref="F11:H11"/>
    <mergeCell ref="F12:H12"/>
    <mergeCell ref="B10:C12"/>
    <mergeCell ref="D10:H10"/>
    <mergeCell ref="A44:A46"/>
    <mergeCell ref="B45:B46"/>
    <mergeCell ref="B13:C13"/>
    <mergeCell ref="B14:C14"/>
    <mergeCell ref="B15:C15"/>
    <mergeCell ref="B16:C16"/>
    <mergeCell ref="B17:C17"/>
    <mergeCell ref="A10:A12"/>
    <mergeCell ref="A7:H7"/>
    <mergeCell ref="A5:H5"/>
    <mergeCell ref="B38:C38"/>
    <mergeCell ref="B39:C39"/>
    <mergeCell ref="B40:C40"/>
    <mergeCell ref="B41:C41"/>
    <mergeCell ref="B42:C42"/>
    <mergeCell ref="E72:H72"/>
    <mergeCell ref="A70:D71"/>
    <mergeCell ref="E70:H71"/>
    <mergeCell ref="G44:H44"/>
    <mergeCell ref="C44:D44"/>
    <mergeCell ref="A72:D72"/>
    <mergeCell ref="A6:H6"/>
    <mergeCell ref="G45:G46"/>
    <mergeCell ref="H45:H46"/>
    <mergeCell ref="B18:C18"/>
    <mergeCell ref="B19:C19"/>
    <mergeCell ref="B20:C20"/>
    <mergeCell ref="B21:C21"/>
    <mergeCell ref="B22:C22"/>
    <mergeCell ref="B23:C23"/>
    <mergeCell ref="B24:C24"/>
    <mergeCell ref="B25:C25"/>
    <mergeCell ref="B26:C26"/>
    <mergeCell ref="B27:C27"/>
    <mergeCell ref="B28:C28"/>
    <mergeCell ref="B29:C29"/>
    <mergeCell ref="B30:C30"/>
    <mergeCell ref="B31:C31"/>
    <mergeCell ref="B32:C32"/>
  </mergeCells>
  <printOptions horizontalCentered="1"/>
  <pageMargins left="0.19685039370078741" right="0.19685039370078741" top="0.59055118110236227" bottom="0.19685039370078741" header="0" footer="0"/>
  <pageSetup paperSize="9" scale="53" orientation="portrait" r:id="rId9"/>
  <headerFooter alignWithMargins="0"/>
  <drawing r:id="rId1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1</vt:i4>
      </vt:variant>
    </vt:vector>
  </HeadingPairs>
  <TitlesOfParts>
    <vt:vector size="25"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2 - Saúde (Estados)'!Area_de_impressao</vt:lpstr>
      <vt:lpstr>'Anexo 13 - Despesas PPP'!Area_de_impressao</vt:lpstr>
      <vt:lpstr>'Anexo 14 - Simplificado'!Area_de_impressao</vt:lpstr>
      <vt:lpstr>'Anexo 2 - Função'!Area_de_impressao</vt:lpstr>
      <vt:lpstr>'Anexo 3 - RCL Estados'!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6-10-04T16:15:20Z</cp:lastPrinted>
  <dcterms:created xsi:type="dcterms:W3CDTF">2004-08-09T19:29:24Z</dcterms:created>
  <dcterms:modified xsi:type="dcterms:W3CDTF">2016-10-04T16:36:57Z</dcterms:modified>
</cp:coreProperties>
</file>